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7-1)" sheetId="21" r:id="rId1"/>
  </sheets>
  <definedNames>
    <definedName name="_xlnm.Print_Area" localSheetId="0">'2(7-1)'!$A$1:$O$72</definedName>
  </definedNames>
  <calcPr calcId="162913"/>
</workbook>
</file>

<file path=xl/sharedStrings.xml><?xml version="1.0" encoding="utf-8"?>
<sst xmlns="http://schemas.openxmlformats.org/spreadsheetml/2006/main" count="166" uniqueCount="60">
  <si>
    <t>アカマツ</t>
  </si>
  <si>
    <t>クロマツ</t>
  </si>
  <si>
    <t>カラマツ</t>
  </si>
  <si>
    <t>成長量</t>
  </si>
  <si>
    <t>標準</t>
  </si>
  <si>
    <t>伐期</t>
  </si>
  <si>
    <t>未満</t>
    <rPh sb="0" eb="2">
      <t>ミマン</t>
    </rPh>
    <phoneticPr fontId="1"/>
  </si>
  <si>
    <t>以上</t>
    <rPh sb="0" eb="2">
      <t>イジョウ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１０</t>
    <phoneticPr fontId="1"/>
  </si>
  <si>
    <t>１１</t>
    <phoneticPr fontId="1"/>
  </si>
  <si>
    <t>１５</t>
  </si>
  <si>
    <t>１６</t>
  </si>
  <si>
    <t>１７</t>
  </si>
  <si>
    <t>１８</t>
  </si>
  <si>
    <t>１９</t>
  </si>
  <si>
    <t xml:space="preserve"> 針葉樹</t>
    <phoneticPr fontId="1"/>
  </si>
  <si>
    <t>広葉樹</t>
    <rPh sb="0" eb="3">
      <t>コウヨウジュ</t>
    </rPh>
    <phoneticPr fontId="1"/>
  </si>
  <si>
    <t>合計</t>
    <rPh sb="0" eb="1">
      <t>ゴウ</t>
    </rPh>
    <phoneticPr fontId="1"/>
  </si>
  <si>
    <t>３</t>
    <phoneticPr fontId="1"/>
  </si>
  <si>
    <t>４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>１０</t>
    <phoneticPr fontId="1"/>
  </si>
  <si>
    <t>１１</t>
    <phoneticPr fontId="1"/>
  </si>
  <si>
    <t>１２</t>
    <phoneticPr fontId="1"/>
  </si>
  <si>
    <t>１２</t>
    <phoneticPr fontId="1"/>
  </si>
  <si>
    <t>１３</t>
    <phoneticPr fontId="1"/>
  </si>
  <si>
    <t>２０
以上</t>
    <rPh sb="3" eb="5">
      <t>イジョウ</t>
    </rPh>
    <phoneticPr fontId="1"/>
  </si>
  <si>
    <t>合計</t>
    <phoneticPr fontId="1"/>
  </si>
  <si>
    <t>合計</t>
    <rPh sb="0" eb="2">
      <t>ゴウケイ</t>
    </rPh>
    <phoneticPr fontId="1"/>
  </si>
  <si>
    <t>１</t>
    <phoneticPr fontId="1"/>
  </si>
  <si>
    <t>２</t>
    <phoneticPr fontId="1"/>
  </si>
  <si>
    <t>３</t>
    <phoneticPr fontId="1"/>
  </si>
  <si>
    <t>５</t>
    <phoneticPr fontId="1"/>
  </si>
  <si>
    <t>７</t>
    <phoneticPr fontId="1"/>
  </si>
  <si>
    <t>１４</t>
    <phoneticPr fontId="1"/>
  </si>
  <si>
    <t xml:space="preserve"> 針葉樹</t>
    <phoneticPr fontId="1"/>
  </si>
  <si>
    <t>区分</t>
    <rPh sb="0" eb="2">
      <t>クブン</t>
    </rPh>
    <phoneticPr fontId="1"/>
  </si>
  <si>
    <t>齢級</t>
    <phoneticPr fontId="1"/>
  </si>
  <si>
    <t>区分</t>
    <phoneticPr fontId="1"/>
  </si>
  <si>
    <t xml:space="preserve"> 針葉樹</t>
    <phoneticPr fontId="1"/>
  </si>
  <si>
    <t xml:space="preserve"> 針葉樹</t>
    <phoneticPr fontId="1"/>
  </si>
  <si>
    <t>スギ</t>
    <phoneticPr fontId="1"/>
  </si>
  <si>
    <t>ヒノキ</t>
    <phoneticPr fontId="1"/>
  </si>
  <si>
    <t>ブナ</t>
    <phoneticPr fontId="1"/>
  </si>
  <si>
    <t>クヌギ</t>
    <phoneticPr fontId="1"/>
  </si>
  <si>
    <t>その他</t>
    <phoneticPr fontId="1"/>
  </si>
  <si>
    <t>針葉樹</t>
    <phoneticPr fontId="1"/>
  </si>
  <si>
    <t>広葉樹</t>
    <phoneticPr fontId="1"/>
  </si>
  <si>
    <t>合計</t>
    <phoneticPr fontId="1"/>
  </si>
  <si>
    <t>面積</t>
  </si>
  <si>
    <t>蓄積</t>
  </si>
  <si>
    <t>その他</t>
    <rPh sb="2" eb="3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1" formatCode="_ * #,##0_ ;_ * \-#,##0_ ;_ * &quot;-&quot;_ ;_ @_ "/>
    <numFmt numFmtId="182" formatCode="0_ "/>
    <numFmt numFmtId="187" formatCode="#,##0_);\(#,##0\)"/>
    <numFmt numFmtId="188" formatCode="_ * #,##0_ ;_ * \-#,##0_ ;_ * &quot; &quot;_ ;_ @_ "/>
    <numFmt numFmtId="197" formatCode="0_);[Red]\(0\)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 style="double">
        <color indexed="8"/>
      </top>
      <bottom/>
      <diagonal/>
    </border>
    <border>
      <left style="thin">
        <color indexed="8"/>
      </left>
      <right style="thin">
        <color indexed="64"/>
      </right>
      <top style="double">
        <color indexed="8"/>
      </top>
      <bottom/>
      <diagonal/>
    </border>
    <border>
      <left style="thin">
        <color indexed="64"/>
      </left>
      <right style="thin">
        <color indexed="8"/>
      </right>
      <top style="double">
        <color indexed="8"/>
      </top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double">
        <color indexed="8"/>
      </top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ck">
        <color indexed="64"/>
      </right>
      <top style="thin">
        <color indexed="8"/>
      </top>
      <bottom/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8"/>
      </left>
      <right/>
      <top/>
      <bottom style="thick">
        <color indexed="64"/>
      </bottom>
      <diagonal/>
    </border>
    <border>
      <left style="thin">
        <color indexed="8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8"/>
      </right>
      <top/>
      <bottom style="thick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 style="thick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/>
      <right style="thin">
        <color indexed="64"/>
      </right>
      <top style="thick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 style="thick">
        <color indexed="8"/>
      </left>
      <right style="thin">
        <color indexed="8"/>
      </right>
      <top style="thin">
        <color indexed="8"/>
      </top>
      <bottom/>
      <diagonal/>
    </border>
    <border>
      <left style="thick">
        <color indexed="8"/>
      </left>
      <right style="thin">
        <color indexed="8"/>
      </right>
      <top/>
      <bottom/>
      <diagonal/>
    </border>
    <border>
      <left style="thick">
        <color indexed="8"/>
      </left>
      <right style="thin">
        <color indexed="8"/>
      </right>
      <top/>
      <bottom style="double">
        <color indexed="8"/>
      </bottom>
      <diagonal/>
    </border>
    <border>
      <left style="thick">
        <color indexed="8"/>
      </left>
      <right/>
      <top style="double">
        <color indexed="8"/>
      </top>
      <bottom/>
      <diagonal/>
    </border>
    <border>
      <left style="thick">
        <color indexed="8"/>
      </left>
      <right/>
      <top/>
      <bottom/>
      <diagonal/>
    </border>
    <border>
      <left style="thick">
        <color indexed="8"/>
      </left>
      <right/>
      <top style="thin">
        <color indexed="8"/>
      </top>
      <bottom/>
      <diagonal/>
    </border>
    <border>
      <left style="thick">
        <color indexed="8"/>
      </left>
      <right/>
      <top/>
      <bottom style="thick">
        <color indexed="64"/>
      </bottom>
      <diagonal/>
    </border>
    <border>
      <left style="thick">
        <color indexed="8"/>
      </left>
      <right style="thin">
        <color indexed="8"/>
      </right>
      <top style="thick">
        <color indexed="8"/>
      </top>
      <bottom/>
      <diagonal/>
    </border>
    <border>
      <left style="thin">
        <color indexed="8"/>
      </left>
      <right style="thin">
        <color indexed="8"/>
      </right>
      <top style="thick">
        <color indexed="8"/>
      </top>
      <bottom/>
      <diagonal/>
    </border>
    <border>
      <left style="thin">
        <color indexed="64"/>
      </left>
      <right style="thick">
        <color indexed="64"/>
      </right>
      <top style="thick">
        <color indexed="8"/>
      </top>
      <bottom style="thin">
        <color indexed="8"/>
      </bottom>
      <diagonal/>
    </border>
    <border>
      <left style="thick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 style="thick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ck">
        <color indexed="64"/>
      </bottom>
      <diagonal/>
    </border>
    <border>
      <left style="thin">
        <color indexed="8"/>
      </left>
      <right style="thick">
        <color indexed="64"/>
      </right>
      <top style="double">
        <color indexed="8"/>
      </top>
      <bottom/>
      <diagonal/>
    </border>
    <border>
      <left style="thin">
        <color indexed="8"/>
      </left>
      <right style="thick">
        <color indexed="64"/>
      </right>
      <top/>
      <bottom style="thick">
        <color indexed="64"/>
      </bottom>
      <diagonal/>
    </border>
    <border>
      <left style="thin">
        <color indexed="8"/>
      </left>
      <right/>
      <top/>
      <bottom style="thick">
        <color indexed="8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75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vertical="center"/>
    </xf>
    <xf numFmtId="188" fontId="2" fillId="0" borderId="0" xfId="0" applyNumberFormat="1" applyFont="1" applyFill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8" fontId="2" fillId="0" borderId="0" xfId="0" applyNumberFormat="1" applyFont="1" applyFill="1" applyAlignment="1">
      <alignment horizontal="centerContinuous" vertical="center"/>
    </xf>
    <xf numFmtId="188" fontId="2" fillId="0" borderId="0" xfId="0" applyNumberFormat="1" applyFont="1" applyFill="1" applyAlignment="1">
      <alignment horizontal="right" vertical="center"/>
    </xf>
    <xf numFmtId="188" fontId="2" fillId="0" borderId="1" xfId="0" applyNumberFormat="1" applyFont="1" applyFill="1" applyBorder="1" applyAlignment="1">
      <alignment horizontal="center" vertical="center" justifyLastLine="1"/>
    </xf>
    <xf numFmtId="188" fontId="2" fillId="0" borderId="2" xfId="0" applyNumberFormat="1" applyFont="1" applyFill="1" applyBorder="1" applyAlignment="1">
      <alignment horizontal="center" vertical="center" justifyLastLine="1"/>
    </xf>
    <xf numFmtId="188" fontId="2" fillId="0" borderId="3" xfId="0" applyNumberFormat="1" applyFont="1" applyFill="1" applyBorder="1" applyAlignment="1">
      <alignment horizontal="center" vertical="center" justifyLastLine="1"/>
    </xf>
    <xf numFmtId="41" fontId="2" fillId="0" borderId="1" xfId="0" applyNumberFormat="1" applyFont="1" applyFill="1" applyBorder="1" applyAlignment="1">
      <alignment vertical="center"/>
    </xf>
    <xf numFmtId="41" fontId="2" fillId="0" borderId="4" xfId="0" applyNumberFormat="1" applyFont="1" applyFill="1" applyBorder="1" applyAlignment="1">
      <alignment vertical="center"/>
    </xf>
    <xf numFmtId="41" fontId="2" fillId="0" borderId="5" xfId="0" applyNumberFormat="1" applyFont="1" applyFill="1" applyBorder="1" applyAlignment="1">
      <alignment vertical="center"/>
    </xf>
    <xf numFmtId="41" fontId="2" fillId="0" borderId="2" xfId="0" applyNumberFormat="1" applyFont="1" applyFill="1" applyBorder="1" applyAlignment="1">
      <alignment vertical="center"/>
    </xf>
    <xf numFmtId="41" fontId="2" fillId="0" borderId="6" xfId="0" applyNumberFormat="1" applyFont="1" applyFill="1" applyBorder="1" applyAlignment="1">
      <alignment vertical="center"/>
    </xf>
    <xf numFmtId="41" fontId="2" fillId="0" borderId="7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>
      <alignment vertical="center"/>
    </xf>
    <xf numFmtId="41" fontId="2" fillId="0" borderId="9" xfId="0" applyNumberFormat="1" applyFont="1" applyFill="1" applyBorder="1" applyAlignment="1">
      <alignment vertical="center"/>
    </xf>
    <xf numFmtId="41" fontId="2" fillId="0" borderId="2" xfId="0" applyNumberFormat="1" applyFont="1" applyFill="1" applyBorder="1" applyAlignment="1" applyProtection="1">
      <alignment horizontal="right" vertical="center"/>
      <protection locked="0"/>
    </xf>
    <xf numFmtId="41" fontId="2" fillId="0" borderId="6" xfId="0" applyNumberFormat="1" applyFont="1" applyFill="1" applyBorder="1" applyAlignment="1" applyProtection="1">
      <alignment horizontal="right" vertical="center"/>
      <protection locked="0"/>
    </xf>
    <xf numFmtId="41" fontId="2" fillId="0" borderId="7" xfId="0" applyNumberFormat="1" applyFont="1" applyFill="1" applyBorder="1" applyAlignment="1" applyProtection="1">
      <alignment horizontal="right" vertical="center"/>
      <protection locked="0"/>
    </xf>
    <xf numFmtId="41" fontId="2" fillId="0" borderId="10" xfId="0" applyNumberFormat="1" applyFont="1" applyFill="1" applyBorder="1" applyAlignment="1">
      <alignment vertical="center"/>
    </xf>
    <xf numFmtId="41" fontId="2" fillId="0" borderId="11" xfId="0" applyNumberFormat="1" applyFont="1" applyFill="1" applyBorder="1" applyAlignment="1">
      <alignment vertical="center"/>
    </xf>
    <xf numFmtId="188" fontId="2" fillId="0" borderId="0" xfId="0" applyNumberFormat="1" applyFont="1" applyFill="1" applyBorder="1" applyAlignment="1">
      <alignment vertical="center"/>
    </xf>
    <xf numFmtId="41" fontId="2" fillId="0" borderId="12" xfId="0" applyNumberFormat="1" applyFont="1" applyFill="1" applyBorder="1" applyAlignment="1">
      <alignment vertical="center"/>
    </xf>
    <xf numFmtId="41" fontId="2" fillId="0" borderId="13" xfId="0" applyNumberFormat="1" applyFont="1" applyFill="1" applyBorder="1" applyAlignment="1" applyProtection="1">
      <alignment horizontal="right" vertical="center"/>
      <protection locked="0"/>
    </xf>
    <xf numFmtId="41" fontId="2" fillId="0" borderId="14" xfId="0" applyNumberFormat="1" applyFont="1" applyFill="1" applyBorder="1" applyAlignment="1">
      <alignment vertical="center"/>
    </xf>
    <xf numFmtId="41" fontId="2" fillId="0" borderId="15" xfId="0" applyNumberFormat="1" applyFont="1" applyFill="1" applyBorder="1" applyAlignment="1">
      <alignment vertical="center"/>
    </xf>
    <xf numFmtId="41" fontId="2" fillId="0" borderId="16" xfId="0" applyNumberFormat="1" applyFont="1" applyFill="1" applyBorder="1" applyAlignment="1">
      <alignment vertical="center"/>
    </xf>
    <xf numFmtId="41" fontId="2" fillId="0" borderId="17" xfId="0" applyNumberFormat="1" applyFont="1" applyFill="1" applyBorder="1" applyAlignment="1">
      <alignment vertical="center"/>
    </xf>
    <xf numFmtId="41" fontId="2" fillId="0" borderId="18" xfId="0" applyNumberFormat="1" applyFont="1" applyFill="1" applyBorder="1" applyAlignment="1" applyProtection="1">
      <alignment horizontal="right" vertical="center"/>
      <protection locked="0"/>
    </xf>
    <xf numFmtId="41" fontId="2" fillId="0" borderId="19" xfId="0" applyNumberFormat="1" applyFont="1" applyFill="1" applyBorder="1" applyAlignment="1" applyProtection="1">
      <alignment horizontal="right" vertical="center"/>
      <protection locked="0"/>
    </xf>
    <xf numFmtId="188" fontId="2" fillId="0" borderId="17" xfId="0" applyNumberFormat="1" applyFont="1" applyFill="1" applyBorder="1" applyAlignment="1">
      <alignment vertical="center" justifyLastLine="1"/>
    </xf>
    <xf numFmtId="187" fontId="2" fillId="0" borderId="20" xfId="0" applyNumberFormat="1" applyFont="1" applyFill="1" applyBorder="1" applyAlignment="1">
      <alignment horizontal="center" vertical="center"/>
    </xf>
    <xf numFmtId="187" fontId="2" fillId="0" borderId="21" xfId="0" applyNumberFormat="1" applyFont="1" applyFill="1" applyBorder="1" applyAlignment="1">
      <alignment horizontal="center" vertical="center"/>
    </xf>
    <xf numFmtId="187" fontId="2" fillId="0" borderId="22" xfId="0" applyNumberFormat="1" applyFont="1" applyFill="1" applyBorder="1" applyAlignment="1">
      <alignment horizontal="center" vertical="center"/>
    </xf>
    <xf numFmtId="187" fontId="2" fillId="0" borderId="23" xfId="0" applyNumberFormat="1" applyFont="1" applyFill="1" applyBorder="1" applyAlignment="1">
      <alignment horizontal="center" vertical="center"/>
    </xf>
    <xf numFmtId="187" fontId="2" fillId="0" borderId="24" xfId="0" applyNumberFormat="1" applyFont="1" applyFill="1" applyBorder="1" applyAlignment="1">
      <alignment horizontal="center" vertical="center"/>
    </xf>
    <xf numFmtId="187" fontId="2" fillId="0" borderId="25" xfId="0" applyNumberFormat="1" applyFont="1" applyFill="1" applyBorder="1" applyAlignment="1">
      <alignment horizontal="center" vertical="center"/>
    </xf>
    <xf numFmtId="188" fontId="2" fillId="0" borderId="24" xfId="0" applyNumberFormat="1" applyFont="1" applyFill="1" applyBorder="1" applyAlignment="1">
      <alignment horizontal="center" vertical="center"/>
    </xf>
    <xf numFmtId="188" fontId="2" fillId="0" borderId="25" xfId="0" applyNumberFormat="1" applyFont="1" applyFill="1" applyBorder="1" applyAlignment="1">
      <alignment horizontal="center" vertical="center"/>
    </xf>
    <xf numFmtId="0" fontId="2" fillId="0" borderId="24" xfId="0" applyNumberFormat="1" applyFont="1" applyFill="1" applyBorder="1" applyAlignment="1">
      <alignment vertical="center"/>
    </xf>
    <xf numFmtId="0" fontId="2" fillId="0" borderId="25" xfId="0" applyNumberFormat="1" applyFont="1" applyFill="1" applyBorder="1" applyAlignment="1">
      <alignment vertical="center"/>
    </xf>
    <xf numFmtId="187" fontId="2" fillId="0" borderId="26" xfId="0" applyNumberFormat="1" applyFont="1" applyFill="1" applyBorder="1" applyAlignment="1">
      <alignment horizontal="center" vertical="center"/>
    </xf>
    <xf numFmtId="187" fontId="2" fillId="0" borderId="27" xfId="0" applyNumberFormat="1" applyFont="1" applyFill="1" applyBorder="1" applyAlignment="1">
      <alignment horizontal="center" vertical="center"/>
    </xf>
    <xf numFmtId="187" fontId="2" fillId="0" borderId="28" xfId="0" applyNumberFormat="1" applyFont="1" applyFill="1" applyBorder="1" applyAlignment="1">
      <alignment horizontal="center" vertical="center"/>
    </xf>
    <xf numFmtId="187" fontId="2" fillId="0" borderId="29" xfId="0" applyNumberFormat="1" applyFont="1" applyFill="1" applyBorder="1" applyAlignment="1">
      <alignment horizontal="center" vertical="center"/>
    </xf>
    <xf numFmtId="187" fontId="2" fillId="0" borderId="30" xfId="0" applyNumberFormat="1" applyFont="1" applyFill="1" applyBorder="1" applyAlignment="1">
      <alignment horizontal="center" vertical="center"/>
    </xf>
    <xf numFmtId="188" fontId="2" fillId="0" borderId="31" xfId="0" applyNumberFormat="1" applyFont="1" applyFill="1" applyBorder="1" applyAlignment="1">
      <alignment vertical="center"/>
    </xf>
    <xf numFmtId="188" fontId="2" fillId="0" borderId="32" xfId="0" applyNumberFormat="1" applyFont="1" applyFill="1" applyBorder="1" applyAlignment="1">
      <alignment vertical="center" justifyLastLine="1"/>
    </xf>
    <xf numFmtId="187" fontId="2" fillId="0" borderId="33" xfId="0" applyNumberFormat="1" applyFont="1" applyFill="1" applyBorder="1" applyAlignment="1">
      <alignment horizontal="center" vertical="center"/>
    </xf>
    <xf numFmtId="188" fontId="2" fillId="0" borderId="34" xfId="0" applyNumberFormat="1" applyFont="1" applyFill="1" applyBorder="1" applyAlignment="1">
      <alignment vertical="center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35" xfId="0" applyNumberFormat="1" applyFont="1" applyFill="1" applyBorder="1" applyAlignment="1">
      <alignment horizontal="center" vertical="center"/>
    </xf>
    <xf numFmtId="187" fontId="2" fillId="0" borderId="36" xfId="0" applyNumberFormat="1" applyFont="1" applyFill="1" applyBorder="1" applyAlignment="1">
      <alignment horizontal="center" vertical="center"/>
    </xf>
    <xf numFmtId="187" fontId="2" fillId="0" borderId="9" xfId="0" applyNumberFormat="1" applyFont="1" applyFill="1" applyBorder="1" applyAlignment="1">
      <alignment horizontal="center" vertical="center"/>
    </xf>
    <xf numFmtId="187" fontId="2" fillId="0" borderId="37" xfId="0" applyNumberFormat="1" applyFont="1" applyFill="1" applyBorder="1" applyAlignment="1">
      <alignment horizontal="center" vertical="center"/>
    </xf>
    <xf numFmtId="182" fontId="2" fillId="0" borderId="1" xfId="0" applyNumberFormat="1" applyFont="1" applyFill="1" applyBorder="1" applyAlignment="1">
      <alignment vertical="center"/>
    </xf>
    <xf numFmtId="182" fontId="2" fillId="0" borderId="2" xfId="0" applyNumberFormat="1" applyFont="1" applyFill="1" applyBorder="1" applyAlignment="1" applyProtection="1">
      <alignment horizontal="right" vertical="center"/>
      <protection locked="0"/>
    </xf>
    <xf numFmtId="182" fontId="2" fillId="0" borderId="3" xfId="0" applyNumberFormat="1" applyFont="1" applyFill="1" applyBorder="1" applyAlignment="1">
      <alignment vertical="center"/>
    </xf>
    <xf numFmtId="182" fontId="2" fillId="0" borderId="2" xfId="0" applyNumberFormat="1" applyFont="1" applyFill="1" applyBorder="1" applyAlignment="1">
      <alignment vertical="center"/>
    </xf>
    <xf numFmtId="182" fontId="2" fillId="0" borderId="38" xfId="0" applyNumberFormat="1" applyFont="1" applyFill="1" applyBorder="1" applyAlignment="1">
      <alignment vertical="center"/>
    </xf>
    <xf numFmtId="182" fontId="2" fillId="0" borderId="14" xfId="0" applyNumberFormat="1" applyFont="1" applyFill="1" applyBorder="1" applyAlignment="1">
      <alignment vertical="center"/>
    </xf>
    <xf numFmtId="197" fontId="2" fillId="0" borderId="1" xfId="0" applyNumberFormat="1" applyFont="1" applyFill="1" applyBorder="1" applyAlignment="1">
      <alignment vertical="center"/>
    </xf>
    <xf numFmtId="197" fontId="2" fillId="0" borderId="12" xfId="0" applyNumberFormat="1" applyFont="1" applyFill="1" applyBorder="1" applyAlignment="1">
      <alignment vertical="center"/>
    </xf>
    <xf numFmtId="197" fontId="2" fillId="0" borderId="2" xfId="0" applyNumberFormat="1" applyFont="1" applyFill="1" applyBorder="1" applyAlignment="1" applyProtection="1">
      <alignment horizontal="right" vertical="center"/>
      <protection locked="0"/>
    </xf>
    <xf numFmtId="197" fontId="2" fillId="0" borderId="13" xfId="0" applyNumberFormat="1" applyFont="1" applyFill="1" applyBorder="1" applyAlignment="1" applyProtection="1">
      <alignment horizontal="right" vertical="center"/>
      <protection locked="0"/>
    </xf>
    <xf numFmtId="197" fontId="2" fillId="0" borderId="3" xfId="0" applyNumberFormat="1" applyFont="1" applyFill="1" applyBorder="1" applyAlignment="1">
      <alignment vertical="center"/>
    </xf>
    <xf numFmtId="197" fontId="2" fillId="0" borderId="39" xfId="0" applyNumberFormat="1" applyFont="1" applyFill="1" applyBorder="1" applyAlignment="1">
      <alignment vertical="center"/>
    </xf>
    <xf numFmtId="197" fontId="2" fillId="0" borderId="2" xfId="0" applyNumberFormat="1" applyFont="1" applyFill="1" applyBorder="1" applyAlignment="1">
      <alignment vertical="center"/>
    </xf>
    <xf numFmtId="197" fontId="2" fillId="0" borderId="13" xfId="0" applyNumberFormat="1" applyFont="1" applyFill="1" applyBorder="1" applyAlignment="1">
      <alignment vertical="center"/>
    </xf>
    <xf numFmtId="197" fontId="2" fillId="0" borderId="14" xfId="0" applyNumberFormat="1" applyFont="1" applyFill="1" applyBorder="1" applyAlignment="1">
      <alignment vertical="center"/>
    </xf>
    <xf numFmtId="197" fontId="2" fillId="0" borderId="40" xfId="0" applyNumberFormat="1" applyFont="1" applyFill="1" applyBorder="1" applyAlignment="1">
      <alignment vertical="center"/>
    </xf>
    <xf numFmtId="188" fontId="2" fillId="0" borderId="41" xfId="0" applyNumberFormat="1" applyFont="1" applyFill="1" applyBorder="1" applyAlignment="1">
      <alignment horizontal="center" vertical="center" justifyLastLine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O73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10" style="5" customWidth="1"/>
    <col min="2" max="2" width="11.625" style="5" customWidth="1"/>
    <col min="3" max="14" width="15.75" style="5" customWidth="1"/>
    <col min="15" max="15" width="1.75" style="2" customWidth="1"/>
    <col min="16" max="16384" width="10.75" style="5"/>
  </cols>
  <sheetData>
    <row r="1" spans="1:15" ht="26.25" customHeight="1" thickBot="1" x14ac:dyDescent="0.2">
      <c r="A1" s="4"/>
      <c r="M1" s="6"/>
      <c r="N1" s="7"/>
    </row>
    <row r="2" spans="1:15" ht="18.75" customHeight="1" thickTop="1" x14ac:dyDescent="0.15">
      <c r="A2" s="49" t="s">
        <v>45</v>
      </c>
      <c r="B2" s="50" t="s">
        <v>46</v>
      </c>
      <c r="C2" s="34" t="s">
        <v>43</v>
      </c>
      <c r="D2" s="34" t="s">
        <v>47</v>
      </c>
      <c r="E2" s="34" t="s">
        <v>43</v>
      </c>
      <c r="F2" s="34" t="s">
        <v>20</v>
      </c>
      <c r="G2" s="34" t="s">
        <v>48</v>
      </c>
      <c r="H2" s="34" t="s">
        <v>43</v>
      </c>
      <c r="I2" s="35" t="s">
        <v>21</v>
      </c>
      <c r="J2" s="36" t="s">
        <v>21</v>
      </c>
      <c r="K2" s="37" t="s">
        <v>21</v>
      </c>
      <c r="L2" s="37" t="s">
        <v>22</v>
      </c>
      <c r="M2" s="37" t="s">
        <v>22</v>
      </c>
      <c r="N2" s="51" t="s">
        <v>22</v>
      </c>
      <c r="O2" s="3"/>
    </row>
    <row r="3" spans="1:15" ht="18.75" customHeight="1" x14ac:dyDescent="0.15">
      <c r="A3" s="52" t="s">
        <v>45</v>
      </c>
      <c r="B3" s="33" t="s">
        <v>44</v>
      </c>
      <c r="C3" s="53" t="s">
        <v>49</v>
      </c>
      <c r="D3" s="53" t="s">
        <v>50</v>
      </c>
      <c r="E3" s="53" t="s">
        <v>0</v>
      </c>
      <c r="F3" s="53" t="s">
        <v>1</v>
      </c>
      <c r="G3" s="54" t="s">
        <v>2</v>
      </c>
      <c r="H3" s="54" t="s">
        <v>59</v>
      </c>
      <c r="I3" s="55" t="s">
        <v>51</v>
      </c>
      <c r="J3" s="56" t="s">
        <v>52</v>
      </c>
      <c r="K3" s="53" t="s">
        <v>53</v>
      </c>
      <c r="L3" s="53" t="s">
        <v>54</v>
      </c>
      <c r="M3" s="53" t="s">
        <v>55</v>
      </c>
      <c r="N3" s="57" t="s">
        <v>56</v>
      </c>
      <c r="O3" s="3"/>
    </row>
    <row r="4" spans="1:15" ht="18.75" customHeight="1" x14ac:dyDescent="0.15">
      <c r="A4" s="38" t="s">
        <v>8</v>
      </c>
      <c r="B4" s="8" t="s">
        <v>57</v>
      </c>
      <c r="C4" s="11">
        <v>50.62</v>
      </c>
      <c r="D4" s="11">
        <v>190.57</v>
      </c>
      <c r="E4" s="11">
        <v>2.13</v>
      </c>
      <c r="F4" s="11">
        <v>0.14000000000000001</v>
      </c>
      <c r="G4" s="11">
        <v>0</v>
      </c>
      <c r="H4" s="11">
        <v>0</v>
      </c>
      <c r="I4" s="17">
        <v>0</v>
      </c>
      <c r="J4" s="18">
        <v>2.0299999999999998</v>
      </c>
      <c r="K4" s="11">
        <v>42.2</v>
      </c>
      <c r="L4" s="11">
        <v>243.45999999999998</v>
      </c>
      <c r="M4" s="11">
        <v>44.230000000000004</v>
      </c>
      <c r="N4" s="25">
        <v>287.69</v>
      </c>
      <c r="O4" s="3"/>
    </row>
    <row r="5" spans="1:15" ht="18.75" customHeight="1" x14ac:dyDescent="0.15">
      <c r="A5" s="39" t="s">
        <v>37</v>
      </c>
      <c r="B5" s="9" t="s">
        <v>58</v>
      </c>
      <c r="C5" s="19">
        <v>0</v>
      </c>
      <c r="D5" s="19">
        <v>0</v>
      </c>
      <c r="E5" s="19">
        <v>0</v>
      </c>
      <c r="F5" s="19">
        <v>0</v>
      </c>
      <c r="G5" s="19">
        <v>0</v>
      </c>
      <c r="H5" s="19">
        <v>0</v>
      </c>
      <c r="I5" s="20">
        <v>0</v>
      </c>
      <c r="J5" s="21">
        <v>0</v>
      </c>
      <c r="K5" s="19">
        <v>0</v>
      </c>
      <c r="L5" s="19">
        <v>0</v>
      </c>
      <c r="M5" s="19">
        <v>0</v>
      </c>
      <c r="N5" s="26">
        <v>0</v>
      </c>
      <c r="O5" s="3"/>
    </row>
    <row r="6" spans="1:15" ht="18.75" customHeight="1" x14ac:dyDescent="0.15">
      <c r="A6" s="39" t="s">
        <v>8</v>
      </c>
      <c r="B6" s="9" t="s">
        <v>3</v>
      </c>
      <c r="C6" s="19">
        <v>0</v>
      </c>
      <c r="D6" s="19">
        <v>0</v>
      </c>
      <c r="E6" s="19">
        <v>0</v>
      </c>
      <c r="F6" s="19">
        <v>0</v>
      </c>
      <c r="G6" s="19">
        <v>0</v>
      </c>
      <c r="H6" s="19">
        <v>0</v>
      </c>
      <c r="I6" s="20">
        <v>0</v>
      </c>
      <c r="J6" s="21">
        <v>0</v>
      </c>
      <c r="K6" s="19">
        <v>0</v>
      </c>
      <c r="L6" s="19">
        <v>0</v>
      </c>
      <c r="M6" s="19">
        <v>0</v>
      </c>
      <c r="N6" s="26">
        <v>0</v>
      </c>
      <c r="O6" s="3"/>
    </row>
    <row r="7" spans="1:15" ht="18.75" customHeight="1" x14ac:dyDescent="0.15">
      <c r="A7" s="38" t="s">
        <v>38</v>
      </c>
      <c r="B7" s="8" t="s">
        <v>57</v>
      </c>
      <c r="C7" s="11">
        <v>47.11</v>
      </c>
      <c r="D7" s="11">
        <v>297.18</v>
      </c>
      <c r="E7" s="11">
        <v>0.34</v>
      </c>
      <c r="F7" s="11">
        <v>2.2599999999999998</v>
      </c>
      <c r="G7" s="11">
        <v>0</v>
      </c>
      <c r="H7" s="11">
        <v>0</v>
      </c>
      <c r="I7" s="17">
        <v>0</v>
      </c>
      <c r="J7" s="18">
        <v>0.66</v>
      </c>
      <c r="K7" s="11">
        <v>238.68</v>
      </c>
      <c r="L7" s="11">
        <v>346.89</v>
      </c>
      <c r="M7" s="11">
        <v>239.34</v>
      </c>
      <c r="N7" s="25">
        <v>586.23</v>
      </c>
      <c r="O7" s="3"/>
    </row>
    <row r="8" spans="1:15" ht="18.75" customHeight="1" x14ac:dyDescent="0.15">
      <c r="A8" s="39" t="s">
        <v>9</v>
      </c>
      <c r="B8" s="9" t="s">
        <v>58</v>
      </c>
      <c r="C8" s="19">
        <v>0</v>
      </c>
      <c r="D8" s="19">
        <v>0</v>
      </c>
      <c r="E8" s="19">
        <v>0</v>
      </c>
      <c r="F8" s="19">
        <v>0</v>
      </c>
      <c r="G8" s="19">
        <v>0</v>
      </c>
      <c r="H8" s="19">
        <v>0</v>
      </c>
      <c r="I8" s="20">
        <v>0</v>
      </c>
      <c r="J8" s="21">
        <v>2.5999999999999999E-2</v>
      </c>
      <c r="K8" s="19">
        <v>9.4440000000000008</v>
      </c>
      <c r="L8" s="19">
        <v>0</v>
      </c>
      <c r="M8" s="19">
        <v>9.4700000000000006</v>
      </c>
      <c r="N8" s="26">
        <v>9.4700000000000006</v>
      </c>
      <c r="O8" s="3"/>
    </row>
    <row r="9" spans="1:15" ht="18.75" customHeight="1" x14ac:dyDescent="0.15">
      <c r="A9" s="39" t="s">
        <v>38</v>
      </c>
      <c r="B9" s="9" t="s">
        <v>3</v>
      </c>
      <c r="C9" s="19">
        <v>0</v>
      </c>
      <c r="D9" s="19">
        <v>0</v>
      </c>
      <c r="E9" s="19">
        <v>0</v>
      </c>
      <c r="F9" s="19">
        <v>0</v>
      </c>
      <c r="G9" s="19">
        <v>0</v>
      </c>
      <c r="H9" s="19">
        <v>0</v>
      </c>
      <c r="I9" s="20">
        <v>0</v>
      </c>
      <c r="J9" s="21">
        <v>5.0000000000000001E-3</v>
      </c>
      <c r="K9" s="19">
        <v>1.651</v>
      </c>
      <c r="L9" s="19">
        <v>0</v>
      </c>
      <c r="M9" s="19">
        <v>1.6559999999999999</v>
      </c>
      <c r="N9" s="26">
        <v>1.6559999999999999</v>
      </c>
      <c r="O9" s="3"/>
    </row>
    <row r="10" spans="1:15" ht="18.75" customHeight="1" x14ac:dyDescent="0.15">
      <c r="A10" s="38" t="s">
        <v>10</v>
      </c>
      <c r="B10" s="8" t="s">
        <v>57</v>
      </c>
      <c r="C10" s="11">
        <v>26.58</v>
      </c>
      <c r="D10" s="11">
        <v>269.2</v>
      </c>
      <c r="E10" s="11">
        <v>1.32</v>
      </c>
      <c r="F10" s="11">
        <v>0</v>
      </c>
      <c r="G10" s="11">
        <v>0</v>
      </c>
      <c r="H10" s="11">
        <v>0</v>
      </c>
      <c r="I10" s="17">
        <v>0</v>
      </c>
      <c r="J10" s="18">
        <v>2.0699999999999998</v>
      </c>
      <c r="K10" s="64">
        <v>736.65</v>
      </c>
      <c r="L10" s="64">
        <v>297.09999999999997</v>
      </c>
      <c r="M10" s="64">
        <v>738.72</v>
      </c>
      <c r="N10" s="65">
        <v>1035.82</v>
      </c>
      <c r="O10" s="3"/>
    </row>
    <row r="11" spans="1:15" ht="18.75" customHeight="1" x14ac:dyDescent="0.15">
      <c r="A11" s="39" t="s">
        <v>23</v>
      </c>
      <c r="B11" s="9" t="s">
        <v>58</v>
      </c>
      <c r="C11" s="19">
        <v>4.117</v>
      </c>
      <c r="D11" s="19">
        <v>38.726999999999997</v>
      </c>
      <c r="E11" s="19">
        <v>7.5999999999999998E-2</v>
      </c>
      <c r="F11" s="19">
        <v>0</v>
      </c>
      <c r="G11" s="19">
        <v>0</v>
      </c>
      <c r="H11" s="19">
        <v>0</v>
      </c>
      <c r="I11" s="20">
        <v>0</v>
      </c>
      <c r="J11" s="21">
        <v>0.14899999999999999</v>
      </c>
      <c r="K11" s="66">
        <v>52.676000000000002</v>
      </c>
      <c r="L11" s="66">
        <v>42.92</v>
      </c>
      <c r="M11" s="66">
        <v>52.825000000000003</v>
      </c>
      <c r="N11" s="67">
        <v>95.745000000000005</v>
      </c>
      <c r="O11" s="3"/>
    </row>
    <row r="12" spans="1:15" ht="18.75" customHeight="1" x14ac:dyDescent="0.15">
      <c r="A12" s="39" t="s">
        <v>39</v>
      </c>
      <c r="B12" s="9" t="s">
        <v>3</v>
      </c>
      <c r="C12" s="19">
        <v>0.47099999999999997</v>
      </c>
      <c r="D12" s="19">
        <v>3.28</v>
      </c>
      <c r="E12" s="19">
        <v>1.2E-2</v>
      </c>
      <c r="F12" s="19">
        <v>0</v>
      </c>
      <c r="G12" s="19">
        <v>0</v>
      </c>
      <c r="H12" s="19">
        <v>0</v>
      </c>
      <c r="I12" s="20">
        <v>0</v>
      </c>
      <c r="J12" s="21">
        <v>1.0999999999999999E-2</v>
      </c>
      <c r="K12" s="66">
        <v>3.6829999999999998</v>
      </c>
      <c r="L12" s="66">
        <v>3.7629999999999999</v>
      </c>
      <c r="M12" s="66">
        <v>3.694</v>
      </c>
      <c r="N12" s="67">
        <v>7.4569999999999999</v>
      </c>
    </row>
    <row r="13" spans="1:15" ht="18.75" customHeight="1" x14ac:dyDescent="0.15">
      <c r="A13" s="38" t="s">
        <v>11</v>
      </c>
      <c r="B13" s="8" t="s">
        <v>57</v>
      </c>
      <c r="C13" s="11">
        <v>230.64</v>
      </c>
      <c r="D13" s="11">
        <v>886.14</v>
      </c>
      <c r="E13" s="11">
        <v>54.14</v>
      </c>
      <c r="F13" s="11">
        <v>9.25</v>
      </c>
      <c r="G13" s="11">
        <v>0</v>
      </c>
      <c r="H13" s="11">
        <v>0</v>
      </c>
      <c r="I13" s="17">
        <v>0</v>
      </c>
      <c r="J13" s="18">
        <v>3.27</v>
      </c>
      <c r="K13" s="64">
        <v>2021.67</v>
      </c>
      <c r="L13" s="64">
        <v>1180.17</v>
      </c>
      <c r="M13" s="64">
        <v>2024.94</v>
      </c>
      <c r="N13" s="65">
        <v>3205.11</v>
      </c>
    </row>
    <row r="14" spans="1:15" ht="18.75" customHeight="1" x14ac:dyDescent="0.15">
      <c r="A14" s="39" t="s">
        <v>24</v>
      </c>
      <c r="B14" s="9" t="s">
        <v>58</v>
      </c>
      <c r="C14" s="19">
        <v>63.027999999999999</v>
      </c>
      <c r="D14" s="19">
        <v>181.577</v>
      </c>
      <c r="E14" s="19">
        <v>5.9219999999999997</v>
      </c>
      <c r="F14" s="19">
        <v>1.0169999999999999</v>
      </c>
      <c r="G14" s="19">
        <v>0</v>
      </c>
      <c r="H14" s="19">
        <v>0</v>
      </c>
      <c r="I14" s="20">
        <v>0</v>
      </c>
      <c r="J14" s="21">
        <v>0.31</v>
      </c>
      <c r="K14" s="66">
        <v>191.32599999999999</v>
      </c>
      <c r="L14" s="66">
        <v>251.54400000000001</v>
      </c>
      <c r="M14" s="66">
        <v>191.636</v>
      </c>
      <c r="N14" s="67">
        <v>443.18</v>
      </c>
      <c r="O14" s="3"/>
    </row>
    <row r="15" spans="1:15" ht="18.75" customHeight="1" x14ac:dyDescent="0.15">
      <c r="A15" s="39" t="s">
        <v>11</v>
      </c>
      <c r="B15" s="9" t="s">
        <v>3</v>
      </c>
      <c r="C15" s="19">
        <v>4.4080000000000004</v>
      </c>
      <c r="D15" s="19">
        <v>10.972</v>
      </c>
      <c r="E15" s="19">
        <v>0.432</v>
      </c>
      <c r="F15" s="19">
        <v>7.3999999999999996E-2</v>
      </c>
      <c r="G15" s="19">
        <v>0</v>
      </c>
      <c r="H15" s="19">
        <v>0</v>
      </c>
      <c r="I15" s="20">
        <v>0</v>
      </c>
      <c r="J15" s="21">
        <v>1.2999999999999999E-2</v>
      </c>
      <c r="K15" s="66">
        <v>8.032</v>
      </c>
      <c r="L15" s="66">
        <v>15.885999999999999</v>
      </c>
      <c r="M15" s="66">
        <v>8.0449999999999999</v>
      </c>
      <c r="N15" s="67">
        <v>23.931000000000001</v>
      </c>
      <c r="O15" s="3"/>
    </row>
    <row r="16" spans="1:15" ht="18.75" customHeight="1" x14ac:dyDescent="0.15">
      <c r="A16" s="38" t="s">
        <v>12</v>
      </c>
      <c r="B16" s="8" t="s">
        <v>57</v>
      </c>
      <c r="C16" s="11">
        <v>869.15</v>
      </c>
      <c r="D16" s="11">
        <v>545.53</v>
      </c>
      <c r="E16" s="11">
        <v>68.62</v>
      </c>
      <c r="F16" s="11">
        <v>0.74</v>
      </c>
      <c r="G16" s="11">
        <v>0</v>
      </c>
      <c r="H16" s="11">
        <v>0</v>
      </c>
      <c r="I16" s="17">
        <v>0</v>
      </c>
      <c r="J16" s="18">
        <v>8.5</v>
      </c>
      <c r="K16" s="64">
        <v>2230.4299999999998</v>
      </c>
      <c r="L16" s="64">
        <v>1484.0399999999997</v>
      </c>
      <c r="M16" s="64">
        <v>2238.9299999999998</v>
      </c>
      <c r="N16" s="65">
        <v>3722.9699999999993</v>
      </c>
      <c r="O16" s="3"/>
    </row>
    <row r="17" spans="1:15" ht="18.75" customHeight="1" x14ac:dyDescent="0.15">
      <c r="A17" s="39" t="s">
        <v>40</v>
      </c>
      <c r="B17" s="9" t="s">
        <v>58</v>
      </c>
      <c r="C17" s="19">
        <v>306.79899999999998</v>
      </c>
      <c r="D17" s="19">
        <v>143.66900000000001</v>
      </c>
      <c r="E17" s="19">
        <v>10.278</v>
      </c>
      <c r="F17" s="19">
        <v>0.112</v>
      </c>
      <c r="G17" s="19">
        <v>0</v>
      </c>
      <c r="H17" s="19">
        <v>0</v>
      </c>
      <c r="I17" s="20">
        <v>0</v>
      </c>
      <c r="J17" s="21">
        <v>0.96</v>
      </c>
      <c r="K17" s="66">
        <v>251.583</v>
      </c>
      <c r="L17" s="66">
        <v>460.858</v>
      </c>
      <c r="M17" s="66">
        <v>252.54300000000001</v>
      </c>
      <c r="N17" s="67">
        <v>713.40099999999995</v>
      </c>
      <c r="O17" s="3"/>
    </row>
    <row r="18" spans="1:15" ht="18.75" customHeight="1" x14ac:dyDescent="0.15">
      <c r="A18" s="39" t="s">
        <v>40</v>
      </c>
      <c r="B18" s="9" t="s">
        <v>3</v>
      </c>
      <c r="C18" s="19">
        <v>15.48</v>
      </c>
      <c r="D18" s="19">
        <v>6.34</v>
      </c>
      <c r="E18" s="19">
        <v>0.41199999999999998</v>
      </c>
      <c r="F18" s="19">
        <v>4.0000000000000001E-3</v>
      </c>
      <c r="G18" s="19">
        <v>0</v>
      </c>
      <c r="H18" s="19">
        <v>0</v>
      </c>
      <c r="I18" s="20">
        <v>0</v>
      </c>
      <c r="J18" s="21">
        <v>2.1999999999999999E-2</v>
      </c>
      <c r="K18" s="66">
        <v>6.5960000000000001</v>
      </c>
      <c r="L18" s="66">
        <v>22.236000000000001</v>
      </c>
      <c r="M18" s="66">
        <v>6.6180000000000003</v>
      </c>
      <c r="N18" s="67">
        <v>28.853999999999999</v>
      </c>
      <c r="O18" s="3"/>
    </row>
    <row r="19" spans="1:15" ht="18.75" customHeight="1" x14ac:dyDescent="0.15">
      <c r="A19" s="38" t="s">
        <v>25</v>
      </c>
      <c r="B19" s="8" t="s">
        <v>57</v>
      </c>
      <c r="C19" s="58">
        <v>603.04</v>
      </c>
      <c r="D19" s="58">
        <v>1194.8</v>
      </c>
      <c r="E19" s="58">
        <v>24.37</v>
      </c>
      <c r="F19" s="58">
        <v>6.87</v>
      </c>
      <c r="G19" s="11">
        <v>0</v>
      </c>
      <c r="H19" s="11">
        <v>0</v>
      </c>
      <c r="I19" s="17">
        <v>0</v>
      </c>
      <c r="J19" s="18">
        <v>37.26</v>
      </c>
      <c r="K19" s="64">
        <v>2782.49</v>
      </c>
      <c r="L19" s="64">
        <v>1829.0799999999997</v>
      </c>
      <c r="M19" s="64">
        <v>2819.75</v>
      </c>
      <c r="N19" s="65">
        <v>4648.83</v>
      </c>
      <c r="O19" s="3"/>
    </row>
    <row r="20" spans="1:15" ht="18.75" customHeight="1" x14ac:dyDescent="0.15">
      <c r="A20" s="39" t="s">
        <v>25</v>
      </c>
      <c r="B20" s="9" t="s">
        <v>58</v>
      </c>
      <c r="C20" s="59">
        <v>270.12200000000001</v>
      </c>
      <c r="D20" s="59">
        <v>387.02600000000001</v>
      </c>
      <c r="E20" s="59">
        <v>4.3869999999999996</v>
      </c>
      <c r="F20" s="59">
        <v>1.2390000000000001</v>
      </c>
      <c r="G20" s="19">
        <v>0</v>
      </c>
      <c r="H20" s="19">
        <v>0</v>
      </c>
      <c r="I20" s="20">
        <v>0</v>
      </c>
      <c r="J20" s="21">
        <v>4.7690000000000001</v>
      </c>
      <c r="K20" s="66">
        <v>354.51499999999999</v>
      </c>
      <c r="L20" s="66">
        <v>662.774</v>
      </c>
      <c r="M20" s="66">
        <v>359.28399999999999</v>
      </c>
      <c r="N20" s="67">
        <v>1022.058</v>
      </c>
      <c r="O20" s="3"/>
    </row>
    <row r="21" spans="1:15" ht="18.75" customHeight="1" x14ac:dyDescent="0.15">
      <c r="A21" s="39" t="s">
        <v>25</v>
      </c>
      <c r="B21" s="9" t="s">
        <v>3</v>
      </c>
      <c r="C21" s="59">
        <v>10.019</v>
      </c>
      <c r="D21" s="59">
        <v>13.663</v>
      </c>
      <c r="E21" s="59">
        <v>0.19500000000000001</v>
      </c>
      <c r="F21" s="59">
        <v>5.3999999999999999E-2</v>
      </c>
      <c r="G21" s="19">
        <v>0</v>
      </c>
      <c r="H21" s="19">
        <v>0</v>
      </c>
      <c r="I21" s="20">
        <v>0</v>
      </c>
      <c r="J21" s="21">
        <v>7.0999999999999994E-2</v>
      </c>
      <c r="K21" s="66">
        <v>5.3689999999999998</v>
      </c>
      <c r="L21" s="66">
        <v>23.931000000000001</v>
      </c>
      <c r="M21" s="66">
        <v>5.44</v>
      </c>
      <c r="N21" s="67">
        <v>29.370999999999999</v>
      </c>
      <c r="O21" s="3"/>
    </row>
    <row r="22" spans="1:15" ht="18.75" customHeight="1" x14ac:dyDescent="0.15">
      <c r="A22" s="38" t="s">
        <v>26</v>
      </c>
      <c r="B22" s="8" t="s">
        <v>57</v>
      </c>
      <c r="C22" s="58">
        <v>895.19</v>
      </c>
      <c r="D22" s="58">
        <v>1307.5899999999999</v>
      </c>
      <c r="E22" s="58">
        <v>30.66</v>
      </c>
      <c r="F22" s="58">
        <v>1.99</v>
      </c>
      <c r="G22" s="11">
        <v>0</v>
      </c>
      <c r="H22" s="11">
        <v>0.28000000000000003</v>
      </c>
      <c r="I22" s="17">
        <v>0</v>
      </c>
      <c r="J22" s="18">
        <v>45.09</v>
      </c>
      <c r="K22" s="64">
        <v>2252.36</v>
      </c>
      <c r="L22" s="64">
        <v>2235.7099999999996</v>
      </c>
      <c r="M22" s="64">
        <v>2297.4500000000003</v>
      </c>
      <c r="N22" s="65">
        <v>4533.16</v>
      </c>
      <c r="O22" s="3"/>
    </row>
    <row r="23" spans="1:15" ht="18.75" customHeight="1" x14ac:dyDescent="0.15">
      <c r="A23" s="39" t="s">
        <v>41</v>
      </c>
      <c r="B23" s="9" t="s">
        <v>58</v>
      </c>
      <c r="C23" s="59">
        <v>484.178</v>
      </c>
      <c r="D23" s="59">
        <v>497.48500000000001</v>
      </c>
      <c r="E23" s="59">
        <v>6.7439999999999998</v>
      </c>
      <c r="F23" s="59">
        <v>0.41799999999999998</v>
      </c>
      <c r="G23" s="19">
        <v>0</v>
      </c>
      <c r="H23" s="19">
        <v>0.14399999999999999</v>
      </c>
      <c r="I23" s="20">
        <v>0</v>
      </c>
      <c r="J23" s="21">
        <v>6.3579999999999997</v>
      </c>
      <c r="K23" s="66">
        <v>316.12200000000001</v>
      </c>
      <c r="L23" s="66">
        <v>988.96900000000005</v>
      </c>
      <c r="M23" s="66">
        <v>322.48</v>
      </c>
      <c r="N23" s="67">
        <v>1311.4490000000001</v>
      </c>
    </row>
    <row r="24" spans="1:15" ht="18.75" customHeight="1" x14ac:dyDescent="0.15">
      <c r="A24" s="39" t="s">
        <v>26</v>
      </c>
      <c r="B24" s="9" t="s">
        <v>3</v>
      </c>
      <c r="C24" s="59">
        <v>14.007999999999999</v>
      </c>
      <c r="D24" s="59">
        <v>13.760999999999999</v>
      </c>
      <c r="E24" s="59">
        <v>0.18099999999999999</v>
      </c>
      <c r="F24" s="59">
        <v>1.2E-2</v>
      </c>
      <c r="G24" s="19">
        <v>0</v>
      </c>
      <c r="H24" s="19">
        <v>4.0000000000000001E-3</v>
      </c>
      <c r="I24" s="20">
        <v>0</v>
      </c>
      <c r="J24" s="21">
        <v>8.1000000000000003E-2</v>
      </c>
      <c r="K24" s="66">
        <v>4.3319999999999999</v>
      </c>
      <c r="L24" s="66">
        <v>27.966000000000001</v>
      </c>
      <c r="M24" s="66">
        <v>4.4130000000000003</v>
      </c>
      <c r="N24" s="67">
        <v>32.378999999999998</v>
      </c>
    </row>
    <row r="25" spans="1:15" ht="18.75" customHeight="1" x14ac:dyDescent="0.15">
      <c r="A25" s="38" t="s">
        <v>27</v>
      </c>
      <c r="B25" s="8" t="s">
        <v>57</v>
      </c>
      <c r="C25" s="58">
        <v>2176.54</v>
      </c>
      <c r="D25" s="58">
        <v>2072.96</v>
      </c>
      <c r="E25" s="58">
        <v>310.86</v>
      </c>
      <c r="F25" s="58">
        <v>2.46</v>
      </c>
      <c r="G25" s="11">
        <v>0</v>
      </c>
      <c r="H25" s="11">
        <v>0</v>
      </c>
      <c r="I25" s="17">
        <v>0</v>
      </c>
      <c r="J25" s="18">
        <v>1.94</v>
      </c>
      <c r="K25" s="64">
        <v>2585.62</v>
      </c>
      <c r="L25" s="64">
        <v>4562.82</v>
      </c>
      <c r="M25" s="64">
        <v>2587.56</v>
      </c>
      <c r="N25" s="65">
        <v>7150.3799999999992</v>
      </c>
    </row>
    <row r="26" spans="1:15" ht="18.75" customHeight="1" x14ac:dyDescent="0.15">
      <c r="A26" s="39" t="s">
        <v>27</v>
      </c>
      <c r="B26" s="9" t="s">
        <v>58</v>
      </c>
      <c r="C26" s="59">
        <v>1363.1110000000001</v>
      </c>
      <c r="D26" s="59">
        <v>915.01199999999994</v>
      </c>
      <c r="E26" s="59">
        <v>77.850999999999999</v>
      </c>
      <c r="F26" s="59">
        <v>0.61799999999999999</v>
      </c>
      <c r="G26" s="19">
        <v>0</v>
      </c>
      <c r="H26" s="19">
        <v>0</v>
      </c>
      <c r="I26" s="20">
        <v>0</v>
      </c>
      <c r="J26" s="21">
        <v>0.29399999999999998</v>
      </c>
      <c r="K26" s="66">
        <v>390.16699999999997</v>
      </c>
      <c r="L26" s="66">
        <v>2356.5920000000001</v>
      </c>
      <c r="M26" s="66">
        <v>390.46100000000001</v>
      </c>
      <c r="N26" s="67">
        <v>2747.0529999999999</v>
      </c>
      <c r="O26" s="3"/>
    </row>
    <row r="27" spans="1:15" ht="18.75" customHeight="1" x14ac:dyDescent="0.15">
      <c r="A27" s="39" t="s">
        <v>27</v>
      </c>
      <c r="B27" s="9" t="s">
        <v>3</v>
      </c>
      <c r="C27" s="59">
        <v>31.010999999999999</v>
      </c>
      <c r="D27" s="59">
        <v>21.294</v>
      </c>
      <c r="E27" s="59">
        <v>1.863</v>
      </c>
      <c r="F27" s="59">
        <v>1.4E-2</v>
      </c>
      <c r="G27" s="19">
        <v>0</v>
      </c>
      <c r="H27" s="19">
        <v>0</v>
      </c>
      <c r="I27" s="20">
        <v>0</v>
      </c>
      <c r="J27" s="21">
        <v>2E-3</v>
      </c>
      <c r="K27" s="66">
        <v>5.0179999999999998</v>
      </c>
      <c r="L27" s="66">
        <v>54.182000000000002</v>
      </c>
      <c r="M27" s="66">
        <v>5.0199999999999996</v>
      </c>
      <c r="N27" s="67">
        <v>59.201999999999998</v>
      </c>
      <c r="O27" s="3"/>
    </row>
    <row r="28" spans="1:15" ht="18.75" customHeight="1" x14ac:dyDescent="0.15">
      <c r="A28" s="38" t="s">
        <v>28</v>
      </c>
      <c r="B28" s="8" t="s">
        <v>57</v>
      </c>
      <c r="C28" s="58">
        <v>2369.42</v>
      </c>
      <c r="D28" s="58">
        <v>1342.08</v>
      </c>
      <c r="E28" s="58">
        <v>818.42</v>
      </c>
      <c r="F28" s="58">
        <v>4.3600000000000003</v>
      </c>
      <c r="G28" s="11">
        <v>0</v>
      </c>
      <c r="H28" s="11">
        <v>0.54</v>
      </c>
      <c r="I28" s="17">
        <v>0</v>
      </c>
      <c r="J28" s="18">
        <v>0.56999999999999995</v>
      </c>
      <c r="K28" s="64">
        <v>3296.48</v>
      </c>
      <c r="L28" s="64">
        <v>4534.82</v>
      </c>
      <c r="M28" s="64">
        <v>3297.05</v>
      </c>
      <c r="N28" s="65">
        <v>7831.87</v>
      </c>
      <c r="O28" s="3"/>
    </row>
    <row r="29" spans="1:15" ht="18.75" customHeight="1" x14ac:dyDescent="0.15">
      <c r="A29" s="39" t="s">
        <v>28</v>
      </c>
      <c r="B29" s="9" t="s">
        <v>58</v>
      </c>
      <c r="C29" s="59">
        <v>1624.8589999999999</v>
      </c>
      <c r="D29" s="59">
        <v>665.10699999999997</v>
      </c>
      <c r="E29" s="59">
        <v>226.78</v>
      </c>
      <c r="F29" s="59">
        <v>1.0940000000000001</v>
      </c>
      <c r="G29" s="19">
        <v>0</v>
      </c>
      <c r="H29" s="19">
        <v>0.30399999999999999</v>
      </c>
      <c r="I29" s="20">
        <v>0</v>
      </c>
      <c r="J29" s="21">
        <v>9.1999999999999998E-2</v>
      </c>
      <c r="K29" s="66">
        <v>529.971</v>
      </c>
      <c r="L29" s="66">
        <v>2518.1439999999998</v>
      </c>
      <c r="M29" s="66">
        <v>530.06299999999999</v>
      </c>
      <c r="N29" s="67">
        <v>3048.2069999999999</v>
      </c>
    </row>
    <row r="30" spans="1:15" ht="18.75" customHeight="1" x14ac:dyDescent="0.15">
      <c r="A30" s="39" t="s">
        <v>28</v>
      </c>
      <c r="B30" s="9" t="s">
        <v>3</v>
      </c>
      <c r="C30" s="59">
        <v>29.856999999999999</v>
      </c>
      <c r="D30" s="59">
        <v>12.558</v>
      </c>
      <c r="E30" s="59">
        <v>4.8719999999999999</v>
      </c>
      <c r="F30" s="59">
        <v>2.3E-2</v>
      </c>
      <c r="G30" s="19">
        <v>0</v>
      </c>
      <c r="H30" s="19">
        <v>5.0000000000000001E-3</v>
      </c>
      <c r="I30" s="20">
        <v>0</v>
      </c>
      <c r="J30" s="21">
        <v>1E-3</v>
      </c>
      <c r="K30" s="66">
        <v>6.4560000000000004</v>
      </c>
      <c r="L30" s="66">
        <v>47.314999999999998</v>
      </c>
      <c r="M30" s="66">
        <v>6.4569999999999999</v>
      </c>
      <c r="N30" s="67">
        <v>53.771999999999998</v>
      </c>
    </row>
    <row r="31" spans="1:15" ht="18.75" customHeight="1" x14ac:dyDescent="0.15">
      <c r="A31" s="38" t="s">
        <v>29</v>
      </c>
      <c r="B31" s="8" t="s">
        <v>57</v>
      </c>
      <c r="C31" s="58">
        <v>2837.22</v>
      </c>
      <c r="D31" s="58">
        <v>1125.73</v>
      </c>
      <c r="E31" s="58">
        <v>2383.6799999999998</v>
      </c>
      <c r="F31" s="58">
        <v>20.45</v>
      </c>
      <c r="G31" s="11">
        <v>0</v>
      </c>
      <c r="H31" s="11">
        <v>0</v>
      </c>
      <c r="I31" s="17">
        <v>0</v>
      </c>
      <c r="J31" s="18">
        <v>0.38</v>
      </c>
      <c r="K31" s="64">
        <v>5542.63</v>
      </c>
      <c r="L31" s="64">
        <v>6367.079999999999</v>
      </c>
      <c r="M31" s="64">
        <v>5543.01</v>
      </c>
      <c r="N31" s="65">
        <v>11910.09</v>
      </c>
    </row>
    <row r="32" spans="1:15" ht="18.75" customHeight="1" x14ac:dyDescent="0.15">
      <c r="A32" s="39" t="s">
        <v>13</v>
      </c>
      <c r="B32" s="9" t="s">
        <v>58</v>
      </c>
      <c r="C32" s="59">
        <v>2137.1120000000001</v>
      </c>
      <c r="D32" s="59">
        <v>624.90599999999995</v>
      </c>
      <c r="E32" s="59">
        <v>731.99199999999996</v>
      </c>
      <c r="F32" s="59">
        <v>6.34</v>
      </c>
      <c r="G32" s="19">
        <v>0</v>
      </c>
      <c r="H32" s="19">
        <v>0</v>
      </c>
      <c r="I32" s="20">
        <v>0</v>
      </c>
      <c r="J32" s="21">
        <v>6.5000000000000002E-2</v>
      </c>
      <c r="K32" s="66">
        <v>933.63599999999997</v>
      </c>
      <c r="L32" s="66">
        <v>3500.35</v>
      </c>
      <c r="M32" s="66">
        <v>933.70100000000002</v>
      </c>
      <c r="N32" s="67">
        <v>4434.0510000000004</v>
      </c>
    </row>
    <row r="33" spans="1:14" ht="18.75" customHeight="1" x14ac:dyDescent="0.15">
      <c r="A33" s="39" t="s">
        <v>29</v>
      </c>
      <c r="B33" s="9" t="s">
        <v>3</v>
      </c>
      <c r="C33" s="59">
        <v>33.128999999999998</v>
      </c>
      <c r="D33" s="59">
        <v>10.087999999999999</v>
      </c>
      <c r="E33" s="59">
        <v>14.167999999999999</v>
      </c>
      <c r="F33" s="59">
        <v>0.123</v>
      </c>
      <c r="G33" s="19">
        <v>0</v>
      </c>
      <c r="H33" s="19">
        <v>0</v>
      </c>
      <c r="I33" s="20">
        <v>0</v>
      </c>
      <c r="J33" s="21">
        <v>1E-3</v>
      </c>
      <c r="K33" s="66">
        <v>10.91</v>
      </c>
      <c r="L33" s="66">
        <v>57.508000000000003</v>
      </c>
      <c r="M33" s="66">
        <v>10.911</v>
      </c>
      <c r="N33" s="67">
        <v>68.418999999999997</v>
      </c>
    </row>
    <row r="34" spans="1:14" ht="18.75" customHeight="1" x14ac:dyDescent="0.15">
      <c r="A34" s="38" t="s">
        <v>30</v>
      </c>
      <c r="B34" s="8" t="s">
        <v>57</v>
      </c>
      <c r="C34" s="58">
        <v>2291.79</v>
      </c>
      <c r="D34" s="58">
        <v>608.17999999999995</v>
      </c>
      <c r="E34" s="58">
        <v>2388.06</v>
      </c>
      <c r="F34" s="58">
        <v>13.89</v>
      </c>
      <c r="G34" s="11">
        <v>1.89</v>
      </c>
      <c r="H34" s="11">
        <v>0</v>
      </c>
      <c r="I34" s="17">
        <v>0</v>
      </c>
      <c r="J34" s="18">
        <v>3.12</v>
      </c>
      <c r="K34" s="64">
        <v>6919.81</v>
      </c>
      <c r="L34" s="64">
        <v>5303.81</v>
      </c>
      <c r="M34" s="64">
        <v>6922.93</v>
      </c>
      <c r="N34" s="65">
        <v>12226.740000000002</v>
      </c>
    </row>
    <row r="35" spans="1:14" ht="18.75" customHeight="1" x14ac:dyDescent="0.15">
      <c r="A35" s="39" t="s">
        <v>30</v>
      </c>
      <c r="B35" s="9" t="s">
        <v>58</v>
      </c>
      <c r="C35" s="59">
        <v>1856.4949999999999</v>
      </c>
      <c r="D35" s="59">
        <v>366.80500000000001</v>
      </c>
      <c r="E35" s="59">
        <v>802.98900000000003</v>
      </c>
      <c r="F35" s="59">
        <v>4.3520000000000003</v>
      </c>
      <c r="G35" s="19">
        <v>0.64200000000000002</v>
      </c>
      <c r="H35" s="19">
        <v>0</v>
      </c>
      <c r="I35" s="20">
        <v>0</v>
      </c>
      <c r="J35" s="21">
        <v>0.44900000000000001</v>
      </c>
      <c r="K35" s="66">
        <v>1216.03</v>
      </c>
      <c r="L35" s="66">
        <v>3031.2829999999999</v>
      </c>
      <c r="M35" s="66">
        <v>1216.479</v>
      </c>
      <c r="N35" s="67">
        <v>4247.7619999999997</v>
      </c>
    </row>
    <row r="36" spans="1:14" ht="18.75" customHeight="1" x14ac:dyDescent="0.15">
      <c r="A36" s="39" t="s">
        <v>14</v>
      </c>
      <c r="B36" s="9" t="s">
        <v>3</v>
      </c>
      <c r="C36" s="59">
        <v>22.655999999999999</v>
      </c>
      <c r="D36" s="59">
        <v>5.1289999999999996</v>
      </c>
      <c r="E36" s="59">
        <v>14.185</v>
      </c>
      <c r="F36" s="59">
        <v>7.3999999999999996E-2</v>
      </c>
      <c r="G36" s="19">
        <v>1.0999999999999999E-2</v>
      </c>
      <c r="H36" s="19">
        <v>0</v>
      </c>
      <c r="I36" s="20">
        <v>0</v>
      </c>
      <c r="J36" s="21">
        <v>1E-3</v>
      </c>
      <c r="K36" s="66">
        <v>6.48</v>
      </c>
      <c r="L36" s="66">
        <v>42.055</v>
      </c>
      <c r="M36" s="66">
        <v>6.4809999999999999</v>
      </c>
      <c r="N36" s="67">
        <v>48.536000000000001</v>
      </c>
    </row>
    <row r="37" spans="1:14" ht="18.75" customHeight="1" x14ac:dyDescent="0.15">
      <c r="A37" s="38" t="s">
        <v>32</v>
      </c>
      <c r="B37" s="8" t="s">
        <v>57</v>
      </c>
      <c r="C37" s="58">
        <v>2884.57</v>
      </c>
      <c r="D37" s="58">
        <v>448.94</v>
      </c>
      <c r="E37" s="58">
        <v>2416.9299999999998</v>
      </c>
      <c r="F37" s="58">
        <v>18.809999999999999</v>
      </c>
      <c r="G37" s="11">
        <v>3.07</v>
      </c>
      <c r="H37" s="11">
        <v>0</v>
      </c>
      <c r="I37" s="17">
        <v>0</v>
      </c>
      <c r="J37" s="18">
        <v>13.1</v>
      </c>
      <c r="K37" s="64">
        <v>12732.44</v>
      </c>
      <c r="L37" s="64">
        <v>5772.3200000000006</v>
      </c>
      <c r="M37" s="64">
        <v>12745.54</v>
      </c>
      <c r="N37" s="65">
        <v>18517.86</v>
      </c>
    </row>
    <row r="38" spans="1:14" ht="18.75" customHeight="1" x14ac:dyDescent="0.15">
      <c r="A38" s="39" t="s">
        <v>32</v>
      </c>
      <c r="B38" s="9" t="s">
        <v>58</v>
      </c>
      <c r="C38" s="59">
        <v>2470.7930000000001</v>
      </c>
      <c r="D38" s="59">
        <v>284.84699999999998</v>
      </c>
      <c r="E38" s="59">
        <v>880.85900000000004</v>
      </c>
      <c r="F38" s="59">
        <v>6.4580000000000002</v>
      </c>
      <c r="G38" s="19">
        <v>1.137</v>
      </c>
      <c r="H38" s="19">
        <v>0</v>
      </c>
      <c r="I38" s="20">
        <v>0</v>
      </c>
      <c r="J38" s="21">
        <v>2.2799999999999998</v>
      </c>
      <c r="K38" s="66">
        <v>2329.2269999999999</v>
      </c>
      <c r="L38" s="66">
        <v>3644.0940000000001</v>
      </c>
      <c r="M38" s="66">
        <v>2331.5070000000001</v>
      </c>
      <c r="N38" s="67">
        <v>5975.6009999999997</v>
      </c>
    </row>
    <row r="39" spans="1:14" ht="18.75" customHeight="1" x14ac:dyDescent="0.15">
      <c r="A39" s="39" t="s">
        <v>31</v>
      </c>
      <c r="B39" s="9" t="s">
        <v>3</v>
      </c>
      <c r="C39" s="59">
        <v>25.515000000000001</v>
      </c>
      <c r="D39" s="59">
        <v>3.2959999999999998</v>
      </c>
      <c r="E39" s="59">
        <v>9.4809999999999999</v>
      </c>
      <c r="F39" s="59">
        <v>7.0999999999999994E-2</v>
      </c>
      <c r="G39" s="19">
        <v>1.2E-2</v>
      </c>
      <c r="H39" s="19">
        <v>0</v>
      </c>
      <c r="I39" s="20">
        <v>0</v>
      </c>
      <c r="J39" s="21">
        <v>8.0000000000000002E-3</v>
      </c>
      <c r="K39" s="66">
        <v>11.784000000000001</v>
      </c>
      <c r="L39" s="66">
        <v>38.375</v>
      </c>
      <c r="M39" s="66">
        <v>11.792</v>
      </c>
      <c r="N39" s="67">
        <v>50.167000000000002</v>
      </c>
    </row>
    <row r="40" spans="1:14" ht="18.75" customHeight="1" x14ac:dyDescent="0.15">
      <c r="A40" s="38" t="s">
        <v>33</v>
      </c>
      <c r="B40" s="8" t="s">
        <v>57</v>
      </c>
      <c r="C40" s="58">
        <v>1605.79</v>
      </c>
      <c r="D40" s="58">
        <v>165.58</v>
      </c>
      <c r="E40" s="58">
        <v>1122.8399999999999</v>
      </c>
      <c r="F40" s="58">
        <v>17.52</v>
      </c>
      <c r="G40" s="11">
        <v>13.37</v>
      </c>
      <c r="H40" s="11">
        <v>0.87</v>
      </c>
      <c r="I40" s="17">
        <v>0</v>
      </c>
      <c r="J40" s="18">
        <v>8.82</v>
      </c>
      <c r="K40" s="64">
        <v>9474.1200000000008</v>
      </c>
      <c r="L40" s="64">
        <v>2925.97</v>
      </c>
      <c r="M40" s="64">
        <v>9482.94</v>
      </c>
      <c r="N40" s="65">
        <v>12408.91</v>
      </c>
    </row>
    <row r="41" spans="1:14" ht="18.75" customHeight="1" x14ac:dyDescent="0.15">
      <c r="A41" s="39" t="s">
        <v>33</v>
      </c>
      <c r="B41" s="9" t="s">
        <v>58</v>
      </c>
      <c r="C41" s="59">
        <v>1455.9849999999999</v>
      </c>
      <c r="D41" s="59">
        <v>111.435</v>
      </c>
      <c r="E41" s="59">
        <v>429.46</v>
      </c>
      <c r="F41" s="59">
        <v>6.3390000000000004</v>
      </c>
      <c r="G41" s="19">
        <v>5.2140000000000004</v>
      </c>
      <c r="H41" s="19">
        <v>0.54700000000000004</v>
      </c>
      <c r="I41" s="20">
        <v>0</v>
      </c>
      <c r="J41" s="21">
        <v>1.6220000000000001</v>
      </c>
      <c r="K41" s="66">
        <v>1788.7940000000001</v>
      </c>
      <c r="L41" s="66">
        <v>2008.98</v>
      </c>
      <c r="M41" s="66">
        <v>1790.4159999999999</v>
      </c>
      <c r="N41" s="67">
        <v>3799.3960000000002</v>
      </c>
    </row>
    <row r="42" spans="1:14" ht="18.75" customHeight="1" x14ac:dyDescent="0.15">
      <c r="A42" s="39" t="s">
        <v>33</v>
      </c>
      <c r="B42" s="9" t="s">
        <v>3</v>
      </c>
      <c r="C42" s="59">
        <v>12.644</v>
      </c>
      <c r="D42" s="59">
        <v>1.1339999999999999</v>
      </c>
      <c r="E42" s="59">
        <v>4.3449999999999998</v>
      </c>
      <c r="F42" s="59">
        <v>6.6000000000000003E-2</v>
      </c>
      <c r="G42" s="19">
        <v>5.3999999999999999E-2</v>
      </c>
      <c r="H42" s="19">
        <v>6.0000000000000001E-3</v>
      </c>
      <c r="I42" s="20">
        <v>0</v>
      </c>
      <c r="J42" s="21">
        <v>2E-3</v>
      </c>
      <c r="K42" s="66">
        <v>8.609</v>
      </c>
      <c r="L42" s="66">
        <v>18.248999999999999</v>
      </c>
      <c r="M42" s="66">
        <v>8.6110000000000007</v>
      </c>
      <c r="N42" s="67">
        <v>26.86</v>
      </c>
    </row>
    <row r="43" spans="1:14" ht="18.75" customHeight="1" x14ac:dyDescent="0.15">
      <c r="A43" s="38" t="s">
        <v>42</v>
      </c>
      <c r="B43" s="8" t="s">
        <v>57</v>
      </c>
      <c r="C43" s="58">
        <v>357.37</v>
      </c>
      <c r="D43" s="58">
        <v>19.91</v>
      </c>
      <c r="E43" s="58">
        <v>473.76</v>
      </c>
      <c r="F43" s="58">
        <v>7.23</v>
      </c>
      <c r="G43" s="11">
        <v>0</v>
      </c>
      <c r="H43" s="11">
        <v>0</v>
      </c>
      <c r="I43" s="17">
        <v>0</v>
      </c>
      <c r="J43" s="18">
        <v>6.33</v>
      </c>
      <c r="K43" s="64">
        <v>5166.42</v>
      </c>
      <c r="L43" s="64">
        <v>858.27</v>
      </c>
      <c r="M43" s="64">
        <v>5172.75</v>
      </c>
      <c r="N43" s="65">
        <v>6031.02</v>
      </c>
    </row>
    <row r="44" spans="1:14" ht="18.75" customHeight="1" x14ac:dyDescent="0.15">
      <c r="A44" s="39" t="s">
        <v>42</v>
      </c>
      <c r="B44" s="9" t="s">
        <v>58</v>
      </c>
      <c r="C44" s="59">
        <v>334.11200000000002</v>
      </c>
      <c r="D44" s="59">
        <v>14.743</v>
      </c>
      <c r="E44" s="59">
        <v>189.10300000000001</v>
      </c>
      <c r="F44" s="59">
        <v>2.82</v>
      </c>
      <c r="G44" s="19">
        <v>0</v>
      </c>
      <c r="H44" s="19">
        <v>0</v>
      </c>
      <c r="I44" s="20">
        <v>0</v>
      </c>
      <c r="J44" s="21">
        <v>1.22</v>
      </c>
      <c r="K44" s="66">
        <v>1006.646</v>
      </c>
      <c r="L44" s="66">
        <v>540.77800000000002</v>
      </c>
      <c r="M44" s="66">
        <v>1007.866</v>
      </c>
      <c r="N44" s="67">
        <v>1548.644</v>
      </c>
    </row>
    <row r="45" spans="1:14" ht="18.75" customHeight="1" x14ac:dyDescent="0.15">
      <c r="A45" s="39" t="s">
        <v>42</v>
      </c>
      <c r="B45" s="9" t="s">
        <v>3</v>
      </c>
      <c r="C45" s="59">
        <v>2.4209999999999998</v>
      </c>
      <c r="D45" s="59">
        <v>0.13200000000000001</v>
      </c>
      <c r="E45" s="59">
        <v>1.8149999999999999</v>
      </c>
      <c r="F45" s="59">
        <v>2.5999999999999999E-2</v>
      </c>
      <c r="G45" s="19">
        <v>0</v>
      </c>
      <c r="H45" s="19">
        <v>0</v>
      </c>
      <c r="I45" s="20">
        <v>0</v>
      </c>
      <c r="J45" s="21">
        <v>1E-3</v>
      </c>
      <c r="K45" s="66">
        <v>4.5819999999999999</v>
      </c>
      <c r="L45" s="66">
        <v>4.3940000000000001</v>
      </c>
      <c r="M45" s="66">
        <v>4.5830000000000002</v>
      </c>
      <c r="N45" s="67">
        <v>8.9770000000000003</v>
      </c>
    </row>
    <row r="46" spans="1:14" ht="18.75" customHeight="1" x14ac:dyDescent="0.15">
      <c r="A46" s="38" t="s">
        <v>15</v>
      </c>
      <c r="B46" s="8" t="s">
        <v>57</v>
      </c>
      <c r="C46" s="58">
        <v>192.45</v>
      </c>
      <c r="D46" s="58">
        <v>29.31</v>
      </c>
      <c r="E46" s="58">
        <v>390.08</v>
      </c>
      <c r="F46" s="58">
        <v>3.57</v>
      </c>
      <c r="G46" s="11">
        <v>0</v>
      </c>
      <c r="H46" s="11">
        <v>0.22</v>
      </c>
      <c r="I46" s="17">
        <v>0</v>
      </c>
      <c r="J46" s="18">
        <v>5.8</v>
      </c>
      <c r="K46" s="64">
        <v>3466.92</v>
      </c>
      <c r="L46" s="64">
        <v>615.63</v>
      </c>
      <c r="M46" s="64">
        <v>3472.7200000000003</v>
      </c>
      <c r="N46" s="65">
        <v>4088.3500000000004</v>
      </c>
    </row>
    <row r="47" spans="1:14" ht="18.75" customHeight="1" x14ac:dyDescent="0.15">
      <c r="A47" s="39" t="s">
        <v>15</v>
      </c>
      <c r="B47" s="9" t="s">
        <v>58</v>
      </c>
      <c r="C47" s="59">
        <v>179.78200000000001</v>
      </c>
      <c r="D47" s="59">
        <v>18.329000000000001</v>
      </c>
      <c r="E47" s="59">
        <v>163.18100000000001</v>
      </c>
      <c r="F47" s="59">
        <v>1.1379999999999999</v>
      </c>
      <c r="G47" s="19">
        <v>0</v>
      </c>
      <c r="H47" s="19">
        <v>0.153</v>
      </c>
      <c r="I47" s="20">
        <v>0</v>
      </c>
      <c r="J47" s="21">
        <v>1.018</v>
      </c>
      <c r="K47" s="66">
        <v>696.30700000000002</v>
      </c>
      <c r="L47" s="66">
        <v>362.58300000000003</v>
      </c>
      <c r="M47" s="66">
        <v>697.32500000000005</v>
      </c>
      <c r="N47" s="67">
        <v>1059.9079999999999</v>
      </c>
    </row>
    <row r="48" spans="1:14" ht="18.75" customHeight="1" x14ac:dyDescent="0.15">
      <c r="A48" s="39" t="s">
        <v>15</v>
      </c>
      <c r="B48" s="9" t="s">
        <v>3</v>
      </c>
      <c r="C48" s="59">
        <v>1.111</v>
      </c>
      <c r="D48" s="59">
        <v>0.14899999999999999</v>
      </c>
      <c r="E48" s="59">
        <v>0.68600000000000005</v>
      </c>
      <c r="F48" s="59">
        <v>4.0000000000000001E-3</v>
      </c>
      <c r="G48" s="19">
        <v>0</v>
      </c>
      <c r="H48" s="19">
        <v>1E-3</v>
      </c>
      <c r="I48" s="20">
        <v>0</v>
      </c>
      <c r="J48" s="21">
        <v>1E-3</v>
      </c>
      <c r="K48" s="66">
        <v>3.0329999999999999</v>
      </c>
      <c r="L48" s="66">
        <v>1.9510000000000001</v>
      </c>
      <c r="M48" s="66">
        <v>3.0339999999999998</v>
      </c>
      <c r="N48" s="67">
        <v>4.9850000000000003</v>
      </c>
    </row>
    <row r="49" spans="1:14" ht="18.75" customHeight="1" x14ac:dyDescent="0.15">
      <c r="A49" s="40" t="s">
        <v>16</v>
      </c>
      <c r="B49" s="8" t="s">
        <v>57</v>
      </c>
      <c r="C49" s="58">
        <v>113.88</v>
      </c>
      <c r="D49" s="58">
        <v>12.59</v>
      </c>
      <c r="E49" s="58">
        <v>294.12</v>
      </c>
      <c r="F49" s="58">
        <v>4.91</v>
      </c>
      <c r="G49" s="11">
        <v>0</v>
      </c>
      <c r="H49" s="11">
        <v>0</v>
      </c>
      <c r="I49" s="17">
        <v>0</v>
      </c>
      <c r="J49" s="18">
        <v>3.49</v>
      </c>
      <c r="K49" s="64">
        <v>2127.7399999999998</v>
      </c>
      <c r="L49" s="64">
        <v>425.50000000000006</v>
      </c>
      <c r="M49" s="64">
        <v>2131.2299999999996</v>
      </c>
      <c r="N49" s="65">
        <v>2556.7299999999996</v>
      </c>
    </row>
    <row r="50" spans="1:14" ht="18.75" customHeight="1" x14ac:dyDescent="0.15">
      <c r="A50" s="41" t="s">
        <v>16</v>
      </c>
      <c r="B50" s="9" t="s">
        <v>58</v>
      </c>
      <c r="C50" s="59">
        <v>114.572</v>
      </c>
      <c r="D50" s="59">
        <v>9.2319999999999993</v>
      </c>
      <c r="E50" s="59">
        <v>124.042</v>
      </c>
      <c r="F50" s="59">
        <v>2.0110000000000001</v>
      </c>
      <c r="G50" s="19">
        <v>0</v>
      </c>
      <c r="H50" s="19">
        <v>0</v>
      </c>
      <c r="I50" s="20">
        <v>0</v>
      </c>
      <c r="J50" s="21">
        <v>0.72199999999999998</v>
      </c>
      <c r="K50" s="66">
        <v>436.23399999999998</v>
      </c>
      <c r="L50" s="66">
        <v>249.857</v>
      </c>
      <c r="M50" s="66">
        <v>436.95600000000002</v>
      </c>
      <c r="N50" s="67">
        <v>686.81299999999999</v>
      </c>
    </row>
    <row r="51" spans="1:14" ht="18.75" customHeight="1" x14ac:dyDescent="0.15">
      <c r="A51" s="41" t="s">
        <v>16</v>
      </c>
      <c r="B51" s="9" t="s">
        <v>3</v>
      </c>
      <c r="C51" s="59">
        <v>0.66900000000000004</v>
      </c>
      <c r="D51" s="59">
        <v>0.06</v>
      </c>
      <c r="E51" s="59">
        <v>1.1040000000000001</v>
      </c>
      <c r="F51" s="59">
        <v>1.7999999999999999E-2</v>
      </c>
      <c r="G51" s="19">
        <v>0</v>
      </c>
      <c r="H51" s="19">
        <v>0</v>
      </c>
      <c r="I51" s="20">
        <v>0</v>
      </c>
      <c r="J51" s="21">
        <v>3.0000000000000001E-3</v>
      </c>
      <c r="K51" s="66">
        <v>1.8260000000000001</v>
      </c>
      <c r="L51" s="66">
        <v>1.851</v>
      </c>
      <c r="M51" s="66">
        <v>1.829</v>
      </c>
      <c r="N51" s="67">
        <v>3.68</v>
      </c>
    </row>
    <row r="52" spans="1:14" ht="18.75" customHeight="1" x14ac:dyDescent="0.15">
      <c r="A52" s="40" t="s">
        <v>17</v>
      </c>
      <c r="B52" s="8" t="s">
        <v>57</v>
      </c>
      <c r="C52" s="58">
        <v>81.31</v>
      </c>
      <c r="D52" s="58">
        <v>22.62</v>
      </c>
      <c r="E52" s="58">
        <v>196.29</v>
      </c>
      <c r="F52" s="58">
        <v>4.47</v>
      </c>
      <c r="G52" s="11">
        <v>0</v>
      </c>
      <c r="H52" s="11">
        <v>2.34</v>
      </c>
      <c r="I52" s="17">
        <v>0</v>
      </c>
      <c r="J52" s="18">
        <v>1.39</v>
      </c>
      <c r="K52" s="64">
        <v>2219.89</v>
      </c>
      <c r="L52" s="64">
        <v>307.03000000000003</v>
      </c>
      <c r="M52" s="64">
        <v>2221.2799999999997</v>
      </c>
      <c r="N52" s="65">
        <v>2528.31</v>
      </c>
    </row>
    <row r="53" spans="1:14" ht="18.75" customHeight="1" x14ac:dyDescent="0.15">
      <c r="A53" s="41" t="s">
        <v>17</v>
      </c>
      <c r="B53" s="9" t="s">
        <v>58</v>
      </c>
      <c r="C53" s="59">
        <v>77.652000000000001</v>
      </c>
      <c r="D53" s="59">
        <v>13.487</v>
      </c>
      <c r="E53" s="59">
        <v>86.332999999999998</v>
      </c>
      <c r="F53" s="59">
        <v>1.2529999999999999</v>
      </c>
      <c r="G53" s="19">
        <v>0</v>
      </c>
      <c r="H53" s="19">
        <v>1.7569999999999999</v>
      </c>
      <c r="I53" s="20">
        <v>0</v>
      </c>
      <c r="J53" s="21">
        <v>0.27900000000000003</v>
      </c>
      <c r="K53" s="66">
        <v>461.58699999999999</v>
      </c>
      <c r="L53" s="66">
        <v>180.482</v>
      </c>
      <c r="M53" s="66">
        <v>461.86599999999999</v>
      </c>
      <c r="N53" s="67">
        <v>642.34799999999996</v>
      </c>
    </row>
    <row r="54" spans="1:14" ht="18.75" customHeight="1" x14ac:dyDescent="0.15">
      <c r="A54" s="41" t="s">
        <v>17</v>
      </c>
      <c r="B54" s="9" t="s">
        <v>3</v>
      </c>
      <c r="C54" s="59">
        <v>0.36299999999999999</v>
      </c>
      <c r="D54" s="59">
        <v>8.1000000000000003E-2</v>
      </c>
      <c r="E54" s="59">
        <v>0.32500000000000001</v>
      </c>
      <c r="F54" s="59">
        <v>5.0000000000000001E-3</v>
      </c>
      <c r="G54" s="19">
        <v>0</v>
      </c>
      <c r="H54" s="19">
        <v>1.0999999999999999E-2</v>
      </c>
      <c r="I54" s="20">
        <v>0</v>
      </c>
      <c r="J54" s="21">
        <v>1E-3</v>
      </c>
      <c r="K54" s="66">
        <v>2.0219999999999998</v>
      </c>
      <c r="L54" s="66">
        <v>0.78500000000000003</v>
      </c>
      <c r="M54" s="66">
        <v>2.0230000000000001</v>
      </c>
      <c r="N54" s="67">
        <v>2.8079999999999998</v>
      </c>
    </row>
    <row r="55" spans="1:14" ht="18.75" customHeight="1" x14ac:dyDescent="0.15">
      <c r="A55" s="40" t="s">
        <v>18</v>
      </c>
      <c r="B55" s="8" t="s">
        <v>57</v>
      </c>
      <c r="C55" s="58">
        <v>41.85</v>
      </c>
      <c r="D55" s="58">
        <v>6.42</v>
      </c>
      <c r="E55" s="58">
        <v>137.74</v>
      </c>
      <c r="F55" s="58">
        <v>3.22</v>
      </c>
      <c r="G55" s="11">
        <v>0</v>
      </c>
      <c r="H55" s="11">
        <v>0.19</v>
      </c>
      <c r="I55" s="17">
        <v>0</v>
      </c>
      <c r="J55" s="18">
        <v>0.13</v>
      </c>
      <c r="K55" s="64">
        <v>612.29</v>
      </c>
      <c r="L55" s="64">
        <v>189.42000000000002</v>
      </c>
      <c r="M55" s="64">
        <v>612.41999999999996</v>
      </c>
      <c r="N55" s="65">
        <v>801.83999999999992</v>
      </c>
    </row>
    <row r="56" spans="1:14" ht="18.75" customHeight="1" x14ac:dyDescent="0.15">
      <c r="A56" s="41" t="s">
        <v>18</v>
      </c>
      <c r="B56" s="9" t="s">
        <v>58</v>
      </c>
      <c r="C56" s="59">
        <v>43.317</v>
      </c>
      <c r="D56" s="59">
        <v>4.9749999999999996</v>
      </c>
      <c r="E56" s="59">
        <v>60.097000000000001</v>
      </c>
      <c r="F56" s="59">
        <v>1.1220000000000001</v>
      </c>
      <c r="G56" s="19">
        <v>0</v>
      </c>
      <c r="H56" s="19">
        <v>0.14699999999999999</v>
      </c>
      <c r="I56" s="20">
        <v>0</v>
      </c>
      <c r="J56" s="21">
        <v>2.8000000000000001E-2</v>
      </c>
      <c r="K56" s="66">
        <v>129.97499999999999</v>
      </c>
      <c r="L56" s="66">
        <v>109.658</v>
      </c>
      <c r="M56" s="66">
        <v>130.00299999999999</v>
      </c>
      <c r="N56" s="67">
        <v>239.661</v>
      </c>
    </row>
    <row r="57" spans="1:14" ht="18.75" customHeight="1" x14ac:dyDescent="0.15">
      <c r="A57" s="41" t="s">
        <v>18</v>
      </c>
      <c r="B57" s="9" t="s">
        <v>3</v>
      </c>
      <c r="C57" s="59">
        <v>0.158</v>
      </c>
      <c r="D57" s="59">
        <v>2.9000000000000001E-2</v>
      </c>
      <c r="E57" s="59">
        <v>0.20799999999999999</v>
      </c>
      <c r="F57" s="59">
        <v>3.0000000000000001E-3</v>
      </c>
      <c r="G57" s="19">
        <v>0</v>
      </c>
      <c r="H57" s="19">
        <v>1E-3</v>
      </c>
      <c r="I57" s="20">
        <v>0</v>
      </c>
      <c r="J57" s="21">
        <v>0</v>
      </c>
      <c r="K57" s="66">
        <v>0.49299999999999999</v>
      </c>
      <c r="L57" s="66">
        <v>0.39900000000000002</v>
      </c>
      <c r="M57" s="66">
        <v>0.49299999999999999</v>
      </c>
      <c r="N57" s="67">
        <v>0.89200000000000002</v>
      </c>
    </row>
    <row r="58" spans="1:14" ht="18.75" customHeight="1" x14ac:dyDescent="0.15">
      <c r="A58" s="40" t="s">
        <v>19</v>
      </c>
      <c r="B58" s="8" t="s">
        <v>57</v>
      </c>
      <c r="C58" s="58">
        <v>38.78</v>
      </c>
      <c r="D58" s="58">
        <v>6.9</v>
      </c>
      <c r="E58" s="58">
        <v>96.01</v>
      </c>
      <c r="F58" s="58">
        <v>3.9</v>
      </c>
      <c r="G58" s="11">
        <v>0</v>
      </c>
      <c r="H58" s="11">
        <v>0.78</v>
      </c>
      <c r="I58" s="17">
        <v>0</v>
      </c>
      <c r="J58" s="18">
        <v>0.43</v>
      </c>
      <c r="K58" s="64">
        <v>484.93</v>
      </c>
      <c r="L58" s="64">
        <v>146.37</v>
      </c>
      <c r="M58" s="64">
        <v>485.36</v>
      </c>
      <c r="N58" s="65">
        <v>631.73</v>
      </c>
    </row>
    <row r="59" spans="1:14" ht="18.75" customHeight="1" x14ac:dyDescent="0.15">
      <c r="A59" s="41" t="s">
        <v>19</v>
      </c>
      <c r="B59" s="9" t="s">
        <v>58</v>
      </c>
      <c r="C59" s="59">
        <v>40.561999999999998</v>
      </c>
      <c r="D59" s="59">
        <v>5.4909999999999997</v>
      </c>
      <c r="E59" s="59">
        <v>42.213000000000001</v>
      </c>
      <c r="F59" s="59">
        <v>1.538</v>
      </c>
      <c r="G59" s="19">
        <v>0</v>
      </c>
      <c r="H59" s="19">
        <v>0.623</v>
      </c>
      <c r="I59" s="20">
        <v>0</v>
      </c>
      <c r="J59" s="21">
        <v>9.5000000000000001E-2</v>
      </c>
      <c r="K59" s="66">
        <v>106.193</v>
      </c>
      <c r="L59" s="66">
        <v>90.427000000000007</v>
      </c>
      <c r="M59" s="66">
        <v>106.288</v>
      </c>
      <c r="N59" s="67">
        <v>196.715</v>
      </c>
    </row>
    <row r="60" spans="1:14" ht="18.75" customHeight="1" x14ac:dyDescent="0.15">
      <c r="A60" s="41" t="s">
        <v>19</v>
      </c>
      <c r="B60" s="9" t="s">
        <v>3</v>
      </c>
      <c r="C60" s="59">
        <v>0.14199999999999999</v>
      </c>
      <c r="D60" s="59">
        <v>2.3E-2</v>
      </c>
      <c r="E60" s="59">
        <v>0.14000000000000001</v>
      </c>
      <c r="F60" s="59">
        <v>5.0000000000000001E-3</v>
      </c>
      <c r="G60" s="19">
        <v>0</v>
      </c>
      <c r="H60" s="19">
        <v>3.0000000000000001E-3</v>
      </c>
      <c r="I60" s="20">
        <v>0</v>
      </c>
      <c r="J60" s="21">
        <v>0</v>
      </c>
      <c r="K60" s="66">
        <v>0.44700000000000001</v>
      </c>
      <c r="L60" s="66">
        <v>0.313</v>
      </c>
      <c r="M60" s="66">
        <v>0.44700000000000001</v>
      </c>
      <c r="N60" s="67">
        <v>0.76</v>
      </c>
    </row>
    <row r="61" spans="1:14" ht="18.75" customHeight="1" x14ac:dyDescent="0.15">
      <c r="A61" s="42" t="s">
        <v>34</v>
      </c>
      <c r="B61" s="8" t="s">
        <v>57</v>
      </c>
      <c r="C61" s="58">
        <v>152.24</v>
      </c>
      <c r="D61" s="58">
        <v>9.5500000000000007</v>
      </c>
      <c r="E61" s="58">
        <v>110.7</v>
      </c>
      <c r="F61" s="58">
        <v>21.5</v>
      </c>
      <c r="G61" s="11">
        <v>0</v>
      </c>
      <c r="H61" s="11">
        <v>0</v>
      </c>
      <c r="I61" s="17">
        <v>0</v>
      </c>
      <c r="J61" s="18">
        <v>0</v>
      </c>
      <c r="K61" s="64">
        <v>984.02</v>
      </c>
      <c r="L61" s="64">
        <v>293.99</v>
      </c>
      <c r="M61" s="64">
        <v>984.02</v>
      </c>
      <c r="N61" s="65">
        <v>1278.01</v>
      </c>
    </row>
    <row r="62" spans="1:14" ht="18.75" customHeight="1" x14ac:dyDescent="0.15">
      <c r="A62" s="43" t="s">
        <v>34</v>
      </c>
      <c r="B62" s="9" t="s">
        <v>58</v>
      </c>
      <c r="C62" s="59">
        <v>177.75700000000001</v>
      </c>
      <c r="D62" s="59">
        <v>7.9420000000000002</v>
      </c>
      <c r="E62" s="59">
        <v>50.207999999999998</v>
      </c>
      <c r="F62" s="59">
        <v>8.9290000000000003</v>
      </c>
      <c r="G62" s="19">
        <v>0</v>
      </c>
      <c r="H62" s="19">
        <v>0</v>
      </c>
      <c r="I62" s="20">
        <v>0</v>
      </c>
      <c r="J62" s="21">
        <v>0</v>
      </c>
      <c r="K62" s="66">
        <v>216.59899999999999</v>
      </c>
      <c r="L62" s="66">
        <v>244.83600000000001</v>
      </c>
      <c r="M62" s="66">
        <v>216.59899999999999</v>
      </c>
      <c r="N62" s="67">
        <v>461.435</v>
      </c>
    </row>
    <row r="63" spans="1:14" ht="18.75" customHeight="1" x14ac:dyDescent="0.15">
      <c r="A63" s="43" t="s">
        <v>34</v>
      </c>
      <c r="B63" s="9" t="s">
        <v>3</v>
      </c>
      <c r="C63" s="59">
        <v>0.66</v>
      </c>
      <c r="D63" s="59">
        <v>3.3000000000000002E-2</v>
      </c>
      <c r="E63" s="59">
        <v>0.153</v>
      </c>
      <c r="F63" s="59">
        <v>2.9000000000000001E-2</v>
      </c>
      <c r="G63" s="19">
        <v>0</v>
      </c>
      <c r="H63" s="19">
        <v>0</v>
      </c>
      <c r="I63" s="20">
        <v>0</v>
      </c>
      <c r="J63" s="21">
        <v>0</v>
      </c>
      <c r="K63" s="66">
        <v>0.93799999999999994</v>
      </c>
      <c r="L63" s="66">
        <v>0.875</v>
      </c>
      <c r="M63" s="66">
        <v>0.93799999999999994</v>
      </c>
      <c r="N63" s="67">
        <v>1.8129999999999999</v>
      </c>
    </row>
    <row r="64" spans="1:14" ht="18.75" customHeight="1" x14ac:dyDescent="0.15">
      <c r="A64" s="38" t="s">
        <v>35</v>
      </c>
      <c r="B64" s="8" t="s">
        <v>57</v>
      </c>
      <c r="C64" s="58">
        <v>17865.54</v>
      </c>
      <c r="D64" s="58">
        <v>10561.78</v>
      </c>
      <c r="E64" s="58">
        <v>11321.070000000003</v>
      </c>
      <c r="F64" s="58">
        <v>147.54</v>
      </c>
      <c r="G64" s="11">
        <v>18.329999999999998</v>
      </c>
      <c r="H64" s="11">
        <v>5.2200000000000006</v>
      </c>
      <c r="I64" s="17">
        <v>0</v>
      </c>
      <c r="J64" s="18">
        <v>144.38</v>
      </c>
      <c r="K64" s="64">
        <v>65917.789999999994</v>
      </c>
      <c r="L64" s="64">
        <v>39919.479999999989</v>
      </c>
      <c r="M64" s="64">
        <v>66062.170000000013</v>
      </c>
      <c r="N64" s="65">
        <v>105981.65</v>
      </c>
    </row>
    <row r="65" spans="1:15" ht="18.75" customHeight="1" x14ac:dyDescent="0.15">
      <c r="A65" s="39" t="s">
        <v>36</v>
      </c>
      <c r="B65" s="9" t="s">
        <v>58</v>
      </c>
      <c r="C65" s="59">
        <v>13004.352999999999</v>
      </c>
      <c r="D65" s="59">
        <v>4290.7950000000001</v>
      </c>
      <c r="E65" s="59">
        <v>3892.5149999999999</v>
      </c>
      <c r="F65" s="59">
        <v>46.798000000000002</v>
      </c>
      <c r="G65" s="19">
        <v>6.9930000000000003</v>
      </c>
      <c r="H65" s="19">
        <v>3.6749999999999998</v>
      </c>
      <c r="I65" s="20">
        <v>0</v>
      </c>
      <c r="J65" s="21">
        <v>20.736000000000001</v>
      </c>
      <c r="K65" s="66">
        <v>11417.031999999999</v>
      </c>
      <c r="L65" s="66">
        <v>21245.129000000001</v>
      </c>
      <c r="M65" s="66">
        <v>11437.768</v>
      </c>
      <c r="N65" s="67">
        <v>32682.897000000001</v>
      </c>
    </row>
    <row r="66" spans="1:15" ht="18.75" customHeight="1" thickBot="1" x14ac:dyDescent="0.2">
      <c r="A66" s="44" t="s">
        <v>36</v>
      </c>
      <c r="B66" s="9" t="s">
        <v>3</v>
      </c>
      <c r="C66" s="59">
        <v>204.72200000000001</v>
      </c>
      <c r="D66" s="59">
        <v>102.02200000000001</v>
      </c>
      <c r="E66" s="59">
        <v>54.576999999999998</v>
      </c>
      <c r="F66" s="59">
        <v>0.60499999999999998</v>
      </c>
      <c r="G66" s="19">
        <v>7.6999999999999999E-2</v>
      </c>
      <c r="H66" s="19">
        <v>3.1E-2</v>
      </c>
      <c r="I66" s="31">
        <v>0</v>
      </c>
      <c r="J66" s="32">
        <v>0.224</v>
      </c>
      <c r="K66" s="66">
        <v>92.260999999999996</v>
      </c>
      <c r="L66" s="66">
        <v>362.03399999999999</v>
      </c>
      <c r="M66" s="66">
        <v>92.484999999999999</v>
      </c>
      <c r="N66" s="67">
        <v>454.51900000000001</v>
      </c>
    </row>
    <row r="67" spans="1:15" ht="18.75" customHeight="1" thickTop="1" x14ac:dyDescent="0.15">
      <c r="A67" s="45" t="s">
        <v>4</v>
      </c>
      <c r="B67" s="10" t="s">
        <v>57</v>
      </c>
      <c r="C67" s="60">
        <v>4898.87</v>
      </c>
      <c r="D67" s="60">
        <v>8106.05</v>
      </c>
      <c r="E67" s="60">
        <v>181.58</v>
      </c>
      <c r="F67" s="60">
        <v>21.25</v>
      </c>
      <c r="G67" s="22">
        <v>0</v>
      </c>
      <c r="H67" s="12">
        <v>0.82000000000000006</v>
      </c>
      <c r="I67" s="12">
        <v>0</v>
      </c>
      <c r="J67" s="13">
        <v>4.76</v>
      </c>
      <c r="K67" s="68">
        <v>5269.6299999999992</v>
      </c>
      <c r="L67" s="68">
        <v>13208.57</v>
      </c>
      <c r="M67" s="68">
        <v>5274.3899999999994</v>
      </c>
      <c r="N67" s="69">
        <v>18482.96</v>
      </c>
    </row>
    <row r="68" spans="1:15" ht="18.75" customHeight="1" x14ac:dyDescent="0.15">
      <c r="A68" s="46" t="s">
        <v>5</v>
      </c>
      <c r="B68" s="9" t="s">
        <v>58</v>
      </c>
      <c r="C68" s="61">
        <v>2491.3550000000005</v>
      </c>
      <c r="D68" s="61">
        <v>2828.6030000000001</v>
      </c>
      <c r="E68" s="61">
        <v>27.407</v>
      </c>
      <c r="F68" s="61">
        <v>2.7860000000000005</v>
      </c>
      <c r="G68" s="23">
        <v>0</v>
      </c>
      <c r="H68" s="15">
        <v>0.44799999999999995</v>
      </c>
      <c r="I68" s="15">
        <v>0</v>
      </c>
      <c r="J68" s="16">
        <v>0.17499999999999999</v>
      </c>
      <c r="K68" s="70">
        <v>505.029</v>
      </c>
      <c r="L68" s="70">
        <v>5350.5990000000011</v>
      </c>
      <c r="M68" s="70">
        <v>505.20400000000001</v>
      </c>
      <c r="N68" s="71">
        <v>5855.8030000000008</v>
      </c>
    </row>
    <row r="69" spans="1:15" ht="18.75" customHeight="1" x14ac:dyDescent="0.15">
      <c r="A69" s="46" t="s">
        <v>6</v>
      </c>
      <c r="B69" s="9" t="s">
        <v>3</v>
      </c>
      <c r="C69" s="61">
        <v>75.396999999999991</v>
      </c>
      <c r="D69" s="61">
        <v>81.867999999999995</v>
      </c>
      <c r="E69" s="61">
        <v>1.232</v>
      </c>
      <c r="F69" s="61">
        <v>0.14400000000000002</v>
      </c>
      <c r="G69" s="30">
        <v>0</v>
      </c>
      <c r="H69" s="15">
        <v>9.0000000000000011E-3</v>
      </c>
      <c r="I69" s="15">
        <v>0</v>
      </c>
      <c r="J69" s="16">
        <v>1.6E-2</v>
      </c>
      <c r="K69" s="70">
        <v>19.962</v>
      </c>
      <c r="L69" s="70">
        <v>158.64999999999998</v>
      </c>
      <c r="M69" s="70">
        <v>19.977999999999998</v>
      </c>
      <c r="N69" s="71">
        <v>178.62799999999999</v>
      </c>
    </row>
    <row r="70" spans="1:15" ht="18.75" customHeight="1" x14ac:dyDescent="0.15">
      <c r="A70" s="47" t="s">
        <v>4</v>
      </c>
      <c r="B70" s="8" t="s">
        <v>57</v>
      </c>
      <c r="C70" s="58">
        <v>12966.670000000002</v>
      </c>
      <c r="D70" s="58">
        <v>2455.7300000000005</v>
      </c>
      <c r="E70" s="58">
        <v>11139.490000000003</v>
      </c>
      <c r="F70" s="58">
        <v>126.28999999999999</v>
      </c>
      <c r="G70" s="11">
        <v>18.329999999999998</v>
      </c>
      <c r="H70" s="17">
        <v>4.4000000000000004</v>
      </c>
      <c r="I70" s="17">
        <v>0</v>
      </c>
      <c r="J70" s="18">
        <v>139.62</v>
      </c>
      <c r="K70" s="64">
        <v>60648.159999999996</v>
      </c>
      <c r="L70" s="64">
        <v>26710.909999999989</v>
      </c>
      <c r="M70" s="64">
        <v>60787.780000000013</v>
      </c>
      <c r="N70" s="65">
        <v>87498.69</v>
      </c>
    </row>
    <row r="71" spans="1:15" ht="18.75" customHeight="1" x14ac:dyDescent="0.15">
      <c r="A71" s="46" t="s">
        <v>5</v>
      </c>
      <c r="B71" s="9" t="s">
        <v>58</v>
      </c>
      <c r="C71" s="61">
        <v>10512.998</v>
      </c>
      <c r="D71" s="61">
        <v>1462.192</v>
      </c>
      <c r="E71" s="61">
        <v>3865.1079999999997</v>
      </c>
      <c r="F71" s="61">
        <v>44.012</v>
      </c>
      <c r="G71" s="14">
        <v>6.9930000000000003</v>
      </c>
      <c r="H71" s="15">
        <v>3.2269999999999999</v>
      </c>
      <c r="I71" s="15">
        <v>0</v>
      </c>
      <c r="J71" s="16">
        <v>20.561</v>
      </c>
      <c r="K71" s="70">
        <v>10912.002999999999</v>
      </c>
      <c r="L71" s="70">
        <v>15894.529999999999</v>
      </c>
      <c r="M71" s="70">
        <v>10932.564</v>
      </c>
      <c r="N71" s="71">
        <v>26827.094000000001</v>
      </c>
    </row>
    <row r="72" spans="1:15" ht="18.75" customHeight="1" thickBot="1" x14ac:dyDescent="0.2">
      <c r="A72" s="48" t="s">
        <v>7</v>
      </c>
      <c r="B72" s="74" t="s">
        <v>3</v>
      </c>
      <c r="C72" s="62">
        <v>129.32500000000002</v>
      </c>
      <c r="D72" s="63">
        <v>20.154000000000011</v>
      </c>
      <c r="E72" s="63">
        <v>53.344999999999999</v>
      </c>
      <c r="F72" s="63">
        <v>0.46099999999999997</v>
      </c>
      <c r="G72" s="27">
        <v>7.6999999999999999E-2</v>
      </c>
      <c r="H72" s="28">
        <v>2.1999999999999999E-2</v>
      </c>
      <c r="I72" s="28">
        <v>0</v>
      </c>
      <c r="J72" s="29">
        <v>0.20800000000000002</v>
      </c>
      <c r="K72" s="72">
        <v>72.298999999999992</v>
      </c>
      <c r="L72" s="72">
        <v>203.38400000000001</v>
      </c>
      <c r="M72" s="72">
        <v>72.507000000000005</v>
      </c>
      <c r="N72" s="73">
        <v>275.89100000000002</v>
      </c>
    </row>
    <row r="73" spans="1:15" ht="18" thickTop="1" x14ac:dyDescent="0.15">
      <c r="A73" s="24"/>
      <c r="B73" s="24"/>
      <c r="C73" s="24"/>
      <c r="D73" s="24"/>
      <c r="E73" s="24"/>
      <c r="F73" s="24"/>
      <c r="G73" s="24"/>
      <c r="H73" s="24"/>
      <c r="I73" s="24"/>
      <c r="J73" s="24"/>
      <c r="K73" s="24"/>
      <c r="L73" s="24"/>
      <c r="M73" s="24"/>
      <c r="N73" s="24"/>
      <c r="O73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firstHeader>&amp;L　　　(7) 森林計画区別森林資源構成表（高津川）</firstHeader>
  </headerFooter>
  <colBreaks count="1" manualBreakCount="1">
    <brk id="9" max="7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7-1)</vt:lpstr>
      <vt:lpstr>'2(7-1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7:08Z</dcterms:modified>
</cp:coreProperties>
</file>